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626"/>
  <workbookPr updateLinks="never"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AA11709D-0FEE-41B4-B388-67EAE1DA7934}" xr6:coauthVersionLast="47" xr6:coauthVersionMax="47" xr10:uidLastSave="{00000000-0000-0000-0000-000000000000}"/>
  <bookViews>
    <workbookView xWindow="-110" yWindow="-110" windowWidth="19420" windowHeight="10420" xr2:uid="{00000000-000D-0000-FFFF-FFFF00000000}"/>
  </bookViews>
  <sheets>
    <sheet name="GPA" sheetId="14" r:id="rId1"/>
    <sheet name="SOP" sheetId="9" r:id="rId2"/>
    <sheet name="Pre-mapping" sheetId="12" r:id="rId3"/>
    <sheet name="English" sheetId="13" r:id="rId4"/>
    <sheet name="Countries" sheetId="7" state="hidden" r:id="rId5"/>
  </sheets>
  <externalReferences>
    <externalReference r:id="rId6"/>
    <externalReference r:id="rId7"/>
  </externalReferences>
  <definedNames>
    <definedName name="Country_search" localSheetId="3">OFFSET([1]Countries!$D$2,,,COUNTIF([1]Countries!$D$2:$D$250,"?*"))</definedName>
    <definedName name="Country_search" localSheetId="0">OFFSET([2]Countries!$D$2,,,COUNTIF([2]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45" i="14" l="1"/>
  <c r="K17" i="14"/>
  <c r="K16" i="14"/>
  <c r="A10" i="12"/>
  <c r="A8" i="12"/>
  <c r="A5" i="12"/>
  <c r="B11" i="9"/>
  <c r="B10" i="9"/>
  <c r="B9" i="9"/>
  <c r="B8" i="9"/>
  <c r="A1" i="14"/>
  <c r="B24" i="14"/>
  <c r="C24" i="14"/>
  <c r="K58" i="14"/>
  <c r="A2" i="9" l="1"/>
  <c r="E14" i="9" l="1"/>
  <c r="E32" i="9"/>
  <c r="E38" i="9"/>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D63" i="7" l="1"/>
  <c r="D62" i="7"/>
  <c r="D64" i="7" l="1"/>
  <c r="D65" i="7"/>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sharedStrings.xml><?xml version="1.0" encoding="utf-8"?>
<sst xmlns="http://schemas.openxmlformats.org/spreadsheetml/2006/main" count="466" uniqueCount="428">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Avg. Grade (local):</t>
  </si>
  <si>
    <t>Name:</t>
  </si>
  <si>
    <t>Danish GPA:</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4/4. Course Name (a course may only be listed once)</t>
  </si>
  <si>
    <t>3/4. Information on grade scale at your home university:</t>
  </si>
  <si>
    <t>2/4. Information on Qualifying degree:</t>
  </si>
  <si>
    <t>1/4. Information on applicant:</t>
  </si>
  <si>
    <t>GPA:</t>
  </si>
  <si>
    <t>Credits
 at home university</t>
  </si>
  <si>
    <t>Grade 
at home university</t>
  </si>
  <si>
    <t>Full name of the applicant</t>
  </si>
  <si>
    <t>Country of your university</t>
  </si>
  <si>
    <t>State your future academic goals and how your study at DTU will help you achieve these (max. 1000 characters): *</t>
  </si>
  <si>
    <t>Countries</t>
  </si>
  <si>
    <t xml:space="preserve">Find Courses at: </t>
  </si>
  <si>
    <t>Statement of Purpose (sheet 2 of 3)</t>
  </si>
  <si>
    <t>University name</t>
  </si>
  <si>
    <t>Topic</t>
  </si>
  <si>
    <t>Course/Subject number*</t>
  </si>
  <si>
    <t>Course/Subject name*</t>
  </si>
  <si>
    <t>Describe how these courses/subjects support your academic goals (max. 500 characters): *</t>
  </si>
  <si>
    <t>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t>
  </si>
  <si>
    <t>Comments (if applicable)
Max. 150 characters</t>
  </si>
  <si>
    <t>Other relevant academic competence/information
 (max. 500 characters):</t>
  </si>
  <si>
    <t>Pre-mapping of Studies (Sheet 3 of 3)</t>
  </si>
  <si>
    <t>Yes</t>
  </si>
  <si>
    <t>No</t>
  </si>
  <si>
    <t>Select two courses/subjects (at MSc level) from the DTU course catalogue which you plan to take:</t>
  </si>
  <si>
    <t>http://kurser.dtu.dk/</t>
  </si>
  <si>
    <r>
      <t xml:space="preserve">It is mandatory to submit a statement of purpose and it is a key document in the decision making process. It is therefore extremely important that you give considerable thought towards preparing the SOP. Be as concise and clear as possible and if you are applying for more than one programme, prepare a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t>How do you fulfil the academic requirements  
Mention the Course/subject name and number from your academic transcript
(minimum academic level has to be bachelors)</t>
  </si>
  <si>
    <t>Industrial Engineering and Management</t>
  </si>
  <si>
    <t>Operations Research:</t>
  </si>
  <si>
    <t xml:space="preserve">Linear programming and 
Integer linear programming 
(formulation and 
solution of LP 
models) </t>
  </si>
  <si>
    <t xml:space="preserve">Sensitivity analysis (Primal and dual problems, and sensitivity analysis hereof) </t>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Please specify which date you expect to complete your English test (be sure to upload the registration receipt to your application)</t>
  </si>
  <si>
    <t>Credits estimation:</t>
  </si>
  <si>
    <t>Completed Graded Courses</t>
  </si>
  <si>
    <t>Credits</t>
  </si>
  <si>
    <t>Result</t>
  </si>
  <si>
    <t>Comments</t>
  </si>
  <si>
    <t>Pass/Fail Credits Total:</t>
  </si>
  <si>
    <t>Ongoing Credits Total:</t>
  </si>
  <si>
    <r>
      <t xml:space="preserve">Test Reference Number (TRF): </t>
    </r>
    <r>
      <rPr>
        <sz val="8"/>
        <color rgb="FFFF0000"/>
        <rFont val="Calibri"/>
        <family val="2"/>
        <scheme val="minor"/>
      </rPr>
      <t xml:space="preserve"> </t>
    </r>
    <r>
      <rPr>
        <sz val="8"/>
        <color rgb="FFC00000"/>
        <rFont val="Calibri"/>
        <family val="2"/>
        <scheme val="minor"/>
      </rPr>
      <t>*no spaces</t>
    </r>
  </si>
  <si>
    <t>Are you a current DTU student, applying for a change of study between DTU programmes (if applicable)</t>
  </si>
  <si>
    <t>If yes, please state your current DTU student number.</t>
  </si>
  <si>
    <t>Student number:</t>
  </si>
  <si>
    <t>Ongoing Courses (if applicable)</t>
  </si>
  <si>
    <t>If you have not completed your BSc studies yet, please insert any ongoing courses below.</t>
  </si>
  <si>
    <t>Completed, non-graded "pass/fail" courses (if applicable)</t>
  </si>
  <si>
    <t>Any completed, non-numerical graded courses should be filled in separately, in the field right below.</t>
  </si>
  <si>
    <r>
      <t xml:space="preserve">Comments (optional)
</t>
    </r>
    <r>
      <rPr>
        <sz val="9"/>
        <color theme="1"/>
        <rFont val="Calibri"/>
        <family val="2"/>
        <scheme val="minor"/>
      </rPr>
      <t>Here you may add a link to each course's description, from your university's web page.</t>
    </r>
  </si>
  <si>
    <r>
      <t xml:space="preserve">• In the fields below, course names, credits and grades should be entered in accordance with your official transcript of records.
• Be sure to insert </t>
    </r>
    <r>
      <rPr>
        <b/>
        <sz val="11"/>
        <color rgb="FFC00000"/>
        <rFont val="Calibri"/>
        <family val="2"/>
        <scheme val="minor"/>
      </rPr>
      <t>only</t>
    </r>
    <r>
      <rPr>
        <sz val="11"/>
        <color rgb="FFC00000"/>
        <rFont val="Calibri"/>
        <family val="2"/>
        <scheme val="minor"/>
      </rPr>
      <t xml:space="preserve"> numerical values and use a comma to seperate the decimals.
• Enter </t>
    </r>
    <r>
      <rPr>
        <b/>
        <sz val="11"/>
        <color rgb="FFC00000"/>
        <rFont val="Calibri"/>
        <family val="2"/>
        <scheme val="minor"/>
      </rPr>
      <t>all</t>
    </r>
    <r>
      <rPr>
        <sz val="11"/>
        <color rgb="FFC00000"/>
        <rFont val="Calibri"/>
        <family val="2"/>
        <scheme val="minor"/>
      </rPr>
      <t xml:space="preserve"> completed courses from your BSc studies.</t>
    </r>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t>
    </r>
    <r>
      <rPr>
        <b/>
        <i/>
        <sz val="10"/>
        <color theme="1"/>
        <rFont val="Calibri"/>
        <family val="2"/>
        <scheme val="minor"/>
      </rPr>
      <t>Do not tamper with the template</t>
    </r>
    <r>
      <rPr>
        <i/>
        <sz val="10"/>
        <color theme="1"/>
        <rFont val="Calibri"/>
        <family val="2"/>
        <scheme val="minor"/>
      </rPr>
      <t xml:space="preserve">. Fill in your data manually. Do not copy-paste information to the fields. The workbook is designed to be filled in using Microsoft Excel. Other office suites might produce errors.
• After entering all your courses, if everything has been done correctly, the "GPA" and "Danish GPA" fields should calculate the corresponding estimations automatically. If not, please review all the data you have entered for errors.
• In case of problems, please contact: </t>
    </r>
    <r>
      <rPr>
        <b/>
        <i/>
        <sz val="10"/>
        <color theme="3"/>
        <rFont val="Calibri"/>
        <family val="2"/>
        <scheme val="minor"/>
      </rPr>
      <t>mscadmissions@adm.dtu.dk</t>
    </r>
  </si>
  <si>
    <t>Bachelor of Natural Science</t>
  </si>
  <si>
    <t>Bachelor of Engineering</t>
  </si>
  <si>
    <t>Bachelor of Science in Engineering</t>
  </si>
  <si>
    <t>Bachelor of Arts with a specialization in Engineering or Natural Science</t>
  </si>
  <si>
    <t>Other</t>
  </si>
  <si>
    <t>Type of Bachelor's degree:</t>
  </si>
  <si>
    <t>Economics, production, and supply chain management</t>
  </si>
  <si>
    <t>Organization and project management</t>
  </si>
  <si>
    <t xml:space="preserve">Organizational theories and strategy
(teams; communications; structure; conflicts; decision making etc.) </t>
  </si>
  <si>
    <t xml:space="preserve">Economics
(micro and macro economy; managerial economics; market forces; wellfare theory; socio-economic challenges; utility) </t>
  </si>
  <si>
    <t>Assignment problems 
(formulation and solution)</t>
  </si>
  <si>
    <t>Production
(planning and execution of industrial production; production processes; production systems; managerial tasks related to production; operations management)</t>
  </si>
  <si>
    <t>Supply chain management
(planning problems across the supply chain; strategic, tactical, and operational planning levels; management of supply chains and production; logistics)</t>
  </si>
  <si>
    <t xml:space="preserve">Project management
(project management tools, concepts models and theories in practise; methods, tools and theories to assess project success and failure)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56">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i/>
      <sz val="9"/>
      <color rgb="FFFF0000"/>
      <name val="Calibri"/>
      <family val="2"/>
      <scheme val="minor"/>
    </font>
    <font>
      <sz val="26"/>
      <color theme="1"/>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color theme="0"/>
      <name val="Calibri"/>
      <family val="2"/>
      <scheme val="minor"/>
    </font>
    <font>
      <i/>
      <sz val="11"/>
      <color theme="0" tint="-0.34998626667073579"/>
      <name val="Calibri"/>
      <family val="2"/>
      <scheme val="minor"/>
    </font>
    <font>
      <i/>
      <sz val="10"/>
      <color rgb="FF00B050"/>
      <name val="Calibri"/>
      <family val="2"/>
      <scheme val="minor"/>
    </font>
    <font>
      <i/>
      <sz val="10"/>
      <color rgb="FF00B0F0"/>
      <name val="Calibri"/>
      <family val="2"/>
      <scheme val="minor"/>
    </font>
    <font>
      <i/>
      <sz val="10"/>
      <color rgb="FFFF0000"/>
      <name val="Calibri"/>
      <family val="2"/>
      <scheme val="minor"/>
    </font>
    <font>
      <b/>
      <sz val="22"/>
      <color theme="1"/>
      <name val="Calibri"/>
      <family val="2"/>
      <scheme val="minor"/>
    </font>
    <font>
      <sz val="18"/>
      <color theme="3" tint="0.39997558519241921"/>
      <name val="Calibri"/>
      <family val="2"/>
      <scheme val="minor"/>
    </font>
    <font>
      <b/>
      <sz val="11"/>
      <color rgb="FF3F3F3F"/>
      <name val="Calibri"/>
      <family val="2"/>
      <scheme val="minor"/>
    </font>
    <font>
      <b/>
      <sz val="18"/>
      <color rgb="FFFF0000"/>
      <name val="Calibri"/>
      <family val="2"/>
      <scheme val="minor"/>
    </font>
    <font>
      <b/>
      <sz val="9"/>
      <color theme="1"/>
      <name val="Calibri"/>
      <family val="2"/>
      <scheme val="minor"/>
    </font>
    <font>
      <b/>
      <sz val="8"/>
      <color theme="1"/>
      <name val="Calibri"/>
      <family val="2"/>
      <scheme val="minor"/>
    </font>
    <font>
      <b/>
      <sz val="14"/>
      <color rgb="FFFF0000"/>
      <name val="Calibri"/>
      <family val="2"/>
      <scheme val="minor"/>
    </font>
    <font>
      <b/>
      <sz val="10.5"/>
      <color rgb="FFFF0000"/>
      <name val="CIDFont+F2"/>
    </font>
    <font>
      <i/>
      <sz val="12"/>
      <color rgb="FFFF0000"/>
      <name val="Calibri"/>
      <family val="2"/>
      <scheme val="minor"/>
    </font>
    <font>
      <i/>
      <sz val="12"/>
      <name val="Calibri"/>
      <family val="2"/>
      <scheme val="minor"/>
    </font>
    <font>
      <i/>
      <sz val="10"/>
      <color theme="9" tint="-0.499984740745262"/>
      <name val="Calibri"/>
      <family val="2"/>
      <scheme val="minor"/>
    </font>
    <font>
      <u/>
      <sz val="10"/>
      <color theme="10"/>
      <name val="Calibri"/>
      <family val="2"/>
      <scheme val="minor"/>
    </font>
    <font>
      <b/>
      <i/>
      <sz val="10"/>
      <color theme="1"/>
      <name val="Calibri"/>
      <family val="2"/>
      <scheme val="minor"/>
    </font>
    <font>
      <sz val="11"/>
      <color theme="1" tint="0.249977111117893"/>
      <name val="Calibri"/>
      <family val="2"/>
      <scheme val="minor"/>
    </font>
    <font>
      <b/>
      <sz val="11"/>
      <name val="Calibri"/>
      <family val="2"/>
      <scheme val="minor"/>
    </font>
    <font>
      <b/>
      <sz val="11"/>
      <color theme="1" tint="0.249977111117893"/>
      <name val="Calibri"/>
      <family val="2"/>
      <scheme val="minor"/>
    </font>
    <font>
      <sz val="11"/>
      <color theme="3"/>
      <name val="Calibri"/>
      <family val="2"/>
      <scheme val="minor"/>
    </font>
    <font>
      <sz val="8"/>
      <color rgb="FFC00000"/>
      <name val="Calibri"/>
      <family val="2"/>
      <scheme val="minor"/>
    </font>
    <font>
      <b/>
      <sz val="10"/>
      <name val="CIDFont+F2"/>
    </font>
    <font>
      <sz val="10"/>
      <color theme="1"/>
      <name val="CIDFont+F2"/>
    </font>
    <font>
      <sz val="11"/>
      <color theme="1"/>
      <name val="Calibri"/>
      <family val="2"/>
      <scheme val="minor"/>
    </font>
    <font>
      <i/>
      <sz val="11"/>
      <color rgb="FF7F7F7F"/>
      <name val="Calibri"/>
      <family val="2"/>
      <scheme val="minor"/>
    </font>
    <font>
      <sz val="11"/>
      <color theme="0" tint="-0.499984740745262"/>
      <name val="Calibri"/>
      <family val="2"/>
      <scheme val="minor"/>
    </font>
    <font>
      <b/>
      <sz val="11"/>
      <color theme="0" tint="-0.499984740745262"/>
      <name val="Calibri"/>
      <family val="2"/>
      <scheme val="minor"/>
    </font>
    <font>
      <sz val="11"/>
      <color rgb="FFC00000"/>
      <name val="Calibri"/>
      <family val="2"/>
      <scheme val="minor"/>
    </font>
    <font>
      <sz val="9"/>
      <color theme="1"/>
      <name val="Calibri"/>
      <family val="2"/>
      <scheme val="minor"/>
    </font>
    <font>
      <b/>
      <sz val="11"/>
      <color rgb="FFC00000"/>
      <name val="Calibri"/>
      <family val="2"/>
      <scheme val="minor"/>
    </font>
    <font>
      <b/>
      <i/>
      <sz val="10"/>
      <color theme="3"/>
      <name val="Calibri"/>
      <family val="2"/>
      <scheme val="minor"/>
    </font>
    <font>
      <sz val="22"/>
      <color theme="0"/>
      <name val="Calibri"/>
      <family val="2"/>
      <scheme val="minor"/>
    </font>
  </fonts>
  <fills count="10">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theme="0" tint="-4.9989318521683403E-2"/>
        <bgColor indexed="64"/>
      </patternFill>
    </fill>
    <fill>
      <patternFill patternType="solid">
        <fgColor theme="9" tint="0.39994506668294322"/>
        <bgColor indexed="64"/>
      </patternFill>
    </fill>
    <fill>
      <patternFill patternType="solid">
        <fgColor rgb="FFFFFFCC"/>
      </patternFill>
    </fill>
    <fill>
      <patternFill patternType="solid">
        <fgColor theme="0"/>
        <bgColor indexed="64"/>
      </patternFill>
    </fill>
    <fill>
      <patternFill patternType="solid">
        <fgColor theme="6" tint="-0.499984740745262"/>
        <bgColor indexed="64"/>
      </patternFill>
    </fill>
  </fills>
  <borders count="123">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theme="0" tint="-0.499984740745262"/>
      </right>
      <top style="thin">
        <color rgb="FF7F7F7F"/>
      </top>
      <bottom style="thin">
        <color rgb="FF7F7F7F"/>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thin">
        <color rgb="FF7F7F7F"/>
      </left>
      <right style="thin">
        <color theme="0" tint="-0.499984740745262"/>
      </right>
      <top style="thin">
        <color rgb="FF7F7F7F"/>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rgb="FF3F3F3F"/>
      </right>
      <top style="thin">
        <color rgb="FF3F3F3F"/>
      </top>
      <bottom style="thin">
        <color rgb="FF3F3F3F"/>
      </bottom>
      <diagonal/>
    </border>
    <border>
      <left style="thin">
        <color rgb="FF3F3F3F"/>
      </left>
      <right style="medium">
        <color indexed="64"/>
      </right>
      <top style="thin">
        <color rgb="FF3F3F3F"/>
      </top>
      <bottom style="thin">
        <color rgb="FF3F3F3F"/>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rgb="FF7F7F7F"/>
      </left>
      <right style="thin">
        <color rgb="FF7F7F7F"/>
      </right>
      <top style="thin">
        <color rgb="FF7F7F7F"/>
      </top>
      <bottom style="thin">
        <color indexed="64"/>
      </bottom>
      <diagonal/>
    </border>
    <border>
      <left/>
      <right style="thin">
        <color indexed="64"/>
      </right>
      <top/>
      <bottom/>
      <diagonal/>
    </border>
    <border>
      <left/>
      <right/>
      <top/>
      <bottom style="thin">
        <color indexed="64"/>
      </bottom>
      <diagonal/>
    </border>
    <border>
      <left style="thin">
        <color theme="0" tint="-0.499984740745262"/>
      </left>
      <right/>
      <top/>
      <bottom/>
      <diagonal/>
    </border>
    <border>
      <left style="thin">
        <color indexed="64"/>
      </left>
      <right style="thin">
        <color rgb="FF7F7F7F"/>
      </right>
      <top style="thin">
        <color rgb="FF7F7F7F"/>
      </top>
      <bottom style="thin">
        <color rgb="FF7F7F7F"/>
      </bottom>
      <diagonal/>
    </border>
    <border>
      <left style="thin">
        <color indexed="64"/>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n">
        <color theme="0" tint="-0.499984740745262"/>
      </right>
      <top/>
      <bottom style="thin">
        <color rgb="FF7F7F7F"/>
      </bottom>
      <diagonal/>
    </border>
    <border>
      <left style="thin">
        <color theme="0" tint="-0.499984740745262"/>
      </left>
      <right/>
      <top/>
      <bottom style="medium">
        <color indexed="64"/>
      </bottom>
      <diagonal/>
    </border>
    <border>
      <left/>
      <right style="thin">
        <color indexed="64"/>
      </right>
      <top/>
      <bottom style="medium">
        <color indexed="64"/>
      </bottom>
      <diagonal/>
    </border>
    <border>
      <left style="thin">
        <color indexed="64"/>
      </left>
      <right style="thin">
        <color rgb="FF7F7F7F"/>
      </right>
      <top style="thin">
        <color rgb="FF7F7F7F"/>
      </top>
      <bottom style="medium">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style="thin">
        <color theme="0" tint="-0.499984740745262"/>
      </left>
      <right/>
      <top style="thin">
        <color theme="0" tint="-0.499984740745262"/>
      </top>
      <bottom/>
      <diagonal/>
    </border>
    <border>
      <left/>
      <right style="thin">
        <color indexed="64"/>
      </right>
      <top style="thin">
        <color theme="0" tint="-0.499984740745262"/>
      </top>
      <bottom/>
      <diagonal/>
    </border>
    <border>
      <left style="thin">
        <color theme="0" tint="-0.499984740745262"/>
      </left>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indexed="64"/>
      </top>
      <bottom style="thin">
        <color theme="0" tint="-0.499984740745262"/>
      </bottom>
      <diagonal/>
    </border>
    <border>
      <left/>
      <right/>
      <top style="thin">
        <color indexed="64"/>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rgb="FF7F7F7F"/>
      </left>
      <right/>
      <top style="thin">
        <color rgb="FF7F7F7F"/>
      </top>
      <bottom style="thin">
        <color theme="0" tint="-0.499984740745262"/>
      </bottom>
      <diagonal/>
    </border>
    <border>
      <left/>
      <right/>
      <top style="thin">
        <color rgb="FF7F7F7F"/>
      </top>
      <bottom style="thin">
        <color theme="0" tint="-0.499984740745262"/>
      </bottom>
      <diagonal/>
    </border>
    <border>
      <left/>
      <right style="medium">
        <color indexed="64"/>
      </right>
      <top style="thin">
        <color rgb="FF7F7F7F"/>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right style="thin">
        <color rgb="FF7F7F7F"/>
      </right>
      <top style="thin">
        <color rgb="FF7F7F7F"/>
      </top>
      <bottom style="thin">
        <color rgb="FF7F7F7F"/>
      </bottom>
      <diagonal/>
    </border>
    <border>
      <left style="thin">
        <color indexed="64"/>
      </left>
      <right/>
      <top style="thin">
        <color indexed="64"/>
      </top>
      <bottom style="thin">
        <color theme="0" tint="-0.499984740745262"/>
      </bottom>
      <diagonal/>
    </border>
    <border>
      <left style="thin">
        <color indexed="64"/>
      </left>
      <right style="thin">
        <color rgb="FF7F7F7F"/>
      </right>
      <top style="thin">
        <color theme="0" tint="-0.499984740745262"/>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medium">
        <color indexed="64"/>
      </left>
      <right/>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theme="0" tint="-0.499984740745262"/>
      </top>
      <bottom/>
      <diagonal/>
    </border>
    <border>
      <left style="thin">
        <color auto="1"/>
      </left>
      <right/>
      <top/>
      <bottom style="thin">
        <color theme="0" tint="-0.499984740745262"/>
      </bottom>
      <diagonal/>
    </border>
    <border>
      <left/>
      <right style="thin">
        <color indexed="64"/>
      </right>
      <top/>
      <bottom style="thin">
        <color theme="0" tint="-0.499984740745262"/>
      </bottom>
      <diagonal/>
    </border>
    <border>
      <left style="thin">
        <color indexed="64"/>
      </left>
      <right/>
      <top style="medium">
        <color indexed="64"/>
      </top>
      <bottom style="thin">
        <color indexed="64"/>
      </bottom>
      <diagonal/>
    </border>
    <border>
      <left/>
      <right style="thin">
        <color indexed="64"/>
      </right>
      <top style="thin">
        <color indexed="64"/>
      </top>
      <bottom style="medium">
        <color indexed="64"/>
      </bottom>
      <diagonal/>
    </border>
    <border>
      <left style="thin">
        <color rgb="FFB2B2B2"/>
      </left>
      <right style="thin">
        <color rgb="FFB2B2B2"/>
      </right>
      <top style="thin">
        <color rgb="FFB2B2B2"/>
      </top>
      <bottom style="thin">
        <color rgb="FFB2B2B2"/>
      </bottom>
      <diagonal/>
    </border>
    <border>
      <left style="thin">
        <color indexed="64"/>
      </left>
      <right/>
      <top/>
      <bottom style="medium">
        <color indexed="64"/>
      </bottom>
      <diagonal/>
    </border>
    <border>
      <left style="thin">
        <color theme="0" tint="-0.499984740745262"/>
      </left>
      <right style="medium">
        <color indexed="64"/>
      </right>
      <top style="thin">
        <color theme="0" tint="-0.499984740745262"/>
      </top>
      <bottom style="medium">
        <color indexed="64"/>
      </bottom>
      <diagonal/>
    </border>
    <border>
      <left style="thin">
        <color theme="0" tint="-0.499984740745262"/>
      </left>
      <right style="thin">
        <color theme="0" tint="-0.499984740745262"/>
      </right>
      <top style="thin">
        <color theme="0" tint="-0.499984740745262"/>
      </top>
      <bottom style="medium">
        <color indexed="64"/>
      </bottom>
      <diagonal/>
    </border>
    <border>
      <left style="medium">
        <color auto="1"/>
      </left>
      <right style="thin">
        <color theme="0" tint="-0.499984740745262"/>
      </right>
      <top style="thin">
        <color theme="0" tint="-0.499984740745262"/>
      </top>
      <bottom style="medium">
        <color indexed="64"/>
      </bottom>
      <diagonal/>
    </border>
    <border>
      <left style="thin">
        <color theme="0" tint="-0.499984740745262"/>
      </left>
      <right style="medium">
        <color auto="1"/>
      </right>
      <top style="thin">
        <color theme="0" tint="-0.499984740745262"/>
      </top>
      <bottom style="thin">
        <color theme="0" tint="-0.499984740745262"/>
      </bottom>
      <diagonal/>
    </border>
    <border>
      <left style="medium">
        <color auto="1"/>
      </left>
      <right style="thin">
        <color theme="0" tint="-0.499984740745262"/>
      </right>
      <top style="thin">
        <color theme="0" tint="-0.499984740745262"/>
      </top>
      <bottom style="thin">
        <color theme="0" tint="-0.499984740745262"/>
      </bottom>
      <diagonal/>
    </border>
    <border>
      <left style="thin">
        <color theme="0" tint="-0.499984740745262"/>
      </left>
      <right style="medium">
        <color indexed="64"/>
      </right>
      <top style="thin">
        <color theme="3"/>
      </top>
      <bottom style="thin">
        <color theme="0" tint="-0.499984740745262"/>
      </bottom>
      <diagonal/>
    </border>
    <border>
      <left style="thin">
        <color theme="0" tint="-0.499984740745262"/>
      </left>
      <right style="thin">
        <color theme="0" tint="-0.499984740745262"/>
      </right>
      <top style="thin">
        <color theme="3"/>
      </top>
      <bottom style="thin">
        <color theme="0" tint="-0.499984740745262"/>
      </bottom>
      <diagonal/>
    </border>
    <border>
      <left style="medium">
        <color auto="1"/>
      </left>
      <right style="thin">
        <color theme="0" tint="-0.499984740745262"/>
      </right>
      <top style="thin">
        <color theme="3"/>
      </top>
      <bottom style="thin">
        <color theme="0" tint="-0.499984740745262"/>
      </bottom>
      <diagonal/>
    </border>
    <border>
      <left style="thin">
        <color rgb="FFB2B2B2"/>
      </left>
      <right style="medium">
        <color auto="1"/>
      </right>
      <top style="thin">
        <color indexed="64"/>
      </top>
      <bottom style="medium">
        <color indexed="64"/>
      </bottom>
      <diagonal/>
    </border>
    <border>
      <left style="thin">
        <color rgb="FFB2B2B2"/>
      </left>
      <right style="thin">
        <color rgb="FFB2B2B2"/>
      </right>
      <top style="thin">
        <color indexed="64"/>
      </top>
      <bottom style="medium">
        <color indexed="64"/>
      </bottom>
      <diagonal/>
    </border>
    <border>
      <left/>
      <right style="thin">
        <color rgb="FFB2B2B2"/>
      </right>
      <top style="thin">
        <color indexed="64"/>
      </top>
      <bottom style="medium">
        <color indexed="64"/>
      </bottom>
      <diagonal/>
    </border>
    <border>
      <left/>
      <right style="medium">
        <color auto="1"/>
      </right>
      <top style="thin">
        <color theme="0" tint="-0.499984740745262"/>
      </top>
      <bottom style="medium">
        <color indexed="64"/>
      </bottom>
      <diagonal/>
    </border>
    <border>
      <left style="thin">
        <color theme="0" tint="-0.499984740745262"/>
      </left>
      <right/>
      <top style="thin">
        <color theme="0" tint="-0.499984740745262"/>
      </top>
      <bottom style="medium">
        <color indexed="64"/>
      </bottom>
      <diagonal/>
    </border>
    <border>
      <left style="thin">
        <color theme="0" tint="-0.499984740745262"/>
      </left>
      <right style="medium">
        <color auto="1"/>
      </right>
      <top/>
      <bottom style="thin">
        <color theme="0" tint="-0.499984740745262"/>
      </bottom>
      <diagonal/>
    </border>
    <border>
      <left style="thin">
        <color theme="0" tint="-0.499984740745262"/>
      </left>
      <right style="thin">
        <color theme="0" tint="-0.499984740745262"/>
      </right>
      <top/>
      <bottom style="thin">
        <color theme="0" tint="-0.499984740745262"/>
      </bottom>
      <diagonal/>
    </border>
    <border>
      <left/>
      <right style="medium">
        <color indexed="64"/>
      </right>
      <top style="medium">
        <color indexed="64"/>
      </top>
      <bottom style="thin">
        <color indexed="64"/>
      </bottom>
      <diagonal/>
    </border>
    <border>
      <left style="thin">
        <color theme="0" tint="-0.499984740745262"/>
      </left>
      <right/>
      <top style="medium">
        <color indexed="64"/>
      </top>
      <bottom style="thin">
        <color indexed="64"/>
      </bottom>
      <diagonal/>
    </border>
    <border>
      <left style="thin">
        <color theme="0" tint="-0.499984740745262"/>
      </left>
      <right style="thin">
        <color theme="0" tint="-0.499984740745262"/>
      </right>
      <top style="medium">
        <color indexed="64"/>
      </top>
      <bottom style="thin">
        <color indexed="64"/>
      </bottom>
      <diagonal/>
    </border>
    <border>
      <left style="medium">
        <color indexed="64"/>
      </left>
      <right style="thin">
        <color theme="0" tint="-0.499984740745262"/>
      </right>
      <top style="medium">
        <color indexed="64"/>
      </top>
      <bottom style="thin">
        <color theme="0" tint="-0.499984740745262"/>
      </bottom>
      <diagonal/>
    </border>
    <border>
      <left style="thin">
        <color rgb="FF7F7F7F"/>
      </left>
      <right style="thin">
        <color theme="0" tint="-0.499984740745262"/>
      </right>
      <top style="medium">
        <color indexed="64"/>
      </top>
      <bottom style="thin">
        <color indexed="64"/>
      </bottom>
      <diagonal/>
    </border>
    <border>
      <left style="thin">
        <color indexed="64"/>
      </left>
      <right style="thin">
        <color rgb="FF7F7F7F"/>
      </right>
      <top style="medium">
        <color indexed="64"/>
      </top>
      <bottom style="thin">
        <color indexed="64"/>
      </bottom>
      <diagonal/>
    </border>
    <border>
      <left style="thin">
        <color rgb="FF7F7F7F"/>
      </left>
      <right style="thin">
        <color auto="1"/>
      </right>
      <top style="thin">
        <color theme="0" tint="-0.499984740745262"/>
      </top>
      <bottom/>
      <diagonal/>
    </border>
    <border>
      <left style="thin">
        <color indexed="64"/>
      </left>
      <right style="thin">
        <color rgb="FF7F7F7F"/>
      </right>
      <top style="thin">
        <color theme="0" tint="-0.499984740745262"/>
      </top>
      <bottom style="medium">
        <color indexed="64"/>
      </bottom>
      <diagonal/>
    </border>
    <border>
      <left/>
      <right/>
      <top style="thin">
        <color rgb="FF7F7F7F"/>
      </top>
      <bottom style="thin">
        <color rgb="FF7F7F7F"/>
      </bottom>
      <diagonal/>
    </border>
    <border>
      <left/>
      <right style="medium">
        <color indexed="64"/>
      </right>
      <top style="thin">
        <color rgb="FF7F7F7F"/>
      </top>
      <bottom style="thin">
        <color rgb="FF7F7F7F"/>
      </bottom>
      <diagonal/>
    </border>
  </borders>
  <cellStyleXfs count="7">
    <xf numFmtId="0" fontId="0" fillId="0" borderId="0"/>
    <xf numFmtId="0" fontId="5" fillId="2" borderId="3" applyNumberFormat="0" applyAlignment="0">
      <protection locked="0"/>
    </xf>
    <xf numFmtId="0" fontId="3" fillId="3" borderId="3" applyNumberFormat="0" applyAlignment="0"/>
    <xf numFmtId="0" fontId="11" fillId="0" borderId="0" applyNumberFormat="0" applyFill="0" applyBorder="0" applyAlignment="0" applyProtection="0"/>
    <xf numFmtId="0" fontId="29" fillId="3" borderId="23" applyNumberFormat="0" applyAlignment="0" applyProtection="0"/>
    <xf numFmtId="0" fontId="47" fillId="7" borderId="96" applyNumberFormat="0" applyFont="0" applyAlignment="0" applyProtection="0"/>
    <xf numFmtId="0" fontId="48" fillId="0" borderId="0" applyNumberFormat="0" applyFill="0" applyBorder="0" applyAlignment="0" applyProtection="0"/>
  </cellStyleXfs>
  <cellXfs count="319">
    <xf numFmtId="0" fontId="0" fillId="0" borderId="0" xfId="0"/>
    <xf numFmtId="0" fontId="1" fillId="0" borderId="0" xfId="0" applyFont="1" applyProtection="1">
      <protection hidden="1"/>
    </xf>
    <xf numFmtId="0" fontId="7" fillId="0" borderId="0" xfId="0" applyFont="1" applyProtection="1">
      <protection hidden="1"/>
    </xf>
    <xf numFmtId="0" fontId="1" fillId="0" borderId="6" xfId="0" applyFont="1" applyBorder="1" applyProtection="1">
      <protection hidden="1"/>
    </xf>
    <xf numFmtId="0" fontId="1" fillId="0" borderId="17" xfId="0" applyFont="1" applyBorder="1" applyProtection="1">
      <protection hidden="1"/>
    </xf>
    <xf numFmtId="0" fontId="9"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10" fillId="0" borderId="6" xfId="0" applyFont="1" applyBorder="1" applyAlignment="1" applyProtection="1">
      <alignment vertical="center"/>
      <protection hidden="1"/>
    </xf>
    <xf numFmtId="0" fontId="18" fillId="0" borderId="0" xfId="0" applyFont="1" applyAlignment="1" applyProtection="1">
      <alignment horizontal="left" vertical="top" wrapText="1"/>
      <protection hidden="1"/>
    </xf>
    <xf numFmtId="164" fontId="0" fillId="0" borderId="0" xfId="0" applyNumberFormat="1" applyProtection="1">
      <protection hidden="1"/>
    </xf>
    <xf numFmtId="0" fontId="22" fillId="0" borderId="0" xfId="0" applyFont="1" applyProtection="1">
      <protection hidden="1"/>
    </xf>
    <xf numFmtId="0" fontId="14" fillId="0" borderId="0" xfId="0" applyFont="1" applyAlignment="1" applyProtection="1">
      <alignment vertical="top"/>
      <protection hidden="1"/>
    </xf>
    <xf numFmtId="0" fontId="19" fillId="0" borderId="0" xfId="0" applyFont="1" applyAlignment="1" applyProtection="1">
      <alignment vertical="top" wrapText="1"/>
      <protection hidden="1"/>
    </xf>
    <xf numFmtId="0" fontId="22" fillId="0" borderId="0" xfId="0" applyFont="1" applyAlignment="1" applyProtection="1">
      <alignment horizontal="center"/>
      <protection hidden="1"/>
    </xf>
    <xf numFmtId="0" fontId="0" fillId="0" borderId="7" xfId="0" applyBorder="1"/>
    <xf numFmtId="0" fontId="1" fillId="0" borderId="0" xfId="0" applyFont="1" applyAlignment="1">
      <alignment horizontal="center"/>
    </xf>
    <xf numFmtId="0" fontId="5" fillId="2" borderId="3" xfId="1">
      <protection locked="0"/>
    </xf>
    <xf numFmtId="0" fontId="5" fillId="2" borderId="3" xfId="1" applyAlignment="1">
      <alignment horizontal="right"/>
      <protection locked="0"/>
    </xf>
    <xf numFmtId="0" fontId="1" fillId="0" borderId="0" xfId="0" applyFont="1" applyAlignment="1" applyProtection="1">
      <alignment horizontal="right"/>
      <protection hidden="1"/>
    </xf>
    <xf numFmtId="0" fontId="5" fillId="2" borderId="25" xfId="1" applyBorder="1">
      <protection locked="0"/>
    </xf>
    <xf numFmtId="0" fontId="0" fillId="0" borderId="20" xfId="0" applyBorder="1"/>
    <xf numFmtId="0" fontId="20" fillId="0" borderId="36" xfId="0" applyFont="1" applyBorder="1" applyAlignment="1" applyProtection="1">
      <alignment horizontal="left" vertical="top" wrapText="1"/>
      <protection hidden="1"/>
    </xf>
    <xf numFmtId="0" fontId="18" fillId="0" borderId="10" xfId="0" applyFont="1" applyBorder="1" applyAlignment="1" applyProtection="1">
      <alignment horizontal="left" vertical="top" wrapText="1"/>
      <protection hidden="1"/>
    </xf>
    <xf numFmtId="0" fontId="0" fillId="0" borderId="38" xfId="0" applyBorder="1" applyProtection="1">
      <protection hidden="1"/>
    </xf>
    <xf numFmtId="0" fontId="0" fillId="0" borderId="39" xfId="0" applyBorder="1" applyProtection="1">
      <protection hidden="1"/>
    </xf>
    <xf numFmtId="0" fontId="0" fillId="0" borderId="10" xfId="0" applyBorder="1" applyProtection="1">
      <protection hidden="1"/>
    </xf>
    <xf numFmtId="0" fontId="5" fillId="2" borderId="40" xfId="1" applyBorder="1">
      <protection locked="0"/>
    </xf>
    <xf numFmtId="0" fontId="7" fillId="0" borderId="42" xfId="0" applyFont="1" applyBorder="1" applyProtection="1">
      <protection hidden="1"/>
    </xf>
    <xf numFmtId="0" fontId="0" fillId="0" borderId="42" xfId="0" applyBorder="1" applyProtection="1">
      <protection hidden="1"/>
    </xf>
    <xf numFmtId="0" fontId="1" fillId="0" borderId="42" xfId="0" applyFont="1" applyBorder="1" applyProtection="1">
      <protection hidden="1"/>
    </xf>
    <xf numFmtId="0" fontId="23" fillId="0" borderId="42" xfId="0" applyFont="1" applyBorder="1" applyProtection="1">
      <protection hidden="1"/>
    </xf>
    <xf numFmtId="0" fontId="0" fillId="0" borderId="51" xfId="0" applyBorder="1" applyProtection="1">
      <protection hidden="1"/>
    </xf>
    <xf numFmtId="0" fontId="0" fillId="0" borderId="12" xfId="0" applyBorder="1" applyProtection="1">
      <protection hidden="1"/>
    </xf>
    <xf numFmtId="0" fontId="0" fillId="0" borderId="51" xfId="0" applyBorder="1"/>
    <xf numFmtId="0" fontId="18" fillId="0" borderId="12" xfId="0" applyFont="1" applyBorder="1" applyAlignment="1" applyProtection="1">
      <alignment horizontal="left" vertical="top" wrapText="1"/>
      <protection hidden="1"/>
    </xf>
    <xf numFmtId="0" fontId="0" fillId="0" borderId="60" xfId="0" applyBorder="1" applyProtection="1">
      <protection hidden="1"/>
    </xf>
    <xf numFmtId="0" fontId="0" fillId="0" borderId="59" xfId="0" applyBorder="1" applyProtection="1">
      <protection hidden="1"/>
    </xf>
    <xf numFmtId="0" fontId="7" fillId="0" borderId="58" xfId="0" applyFont="1" applyBorder="1" applyProtection="1">
      <protection hidden="1"/>
    </xf>
    <xf numFmtId="0" fontId="0" fillId="0" borderId="58" xfId="0" applyBorder="1" applyProtection="1">
      <protection hidden="1"/>
    </xf>
    <xf numFmtId="0" fontId="1" fillId="0" borderId="58" xfId="0" applyFont="1" applyBorder="1" applyProtection="1">
      <protection hidden="1"/>
    </xf>
    <xf numFmtId="0" fontId="7" fillId="0" borderId="62" xfId="0" applyFont="1" applyBorder="1" applyProtection="1">
      <protection hidden="1"/>
    </xf>
    <xf numFmtId="0" fontId="0" fillId="0" borderId="63" xfId="0" applyBorder="1" applyProtection="1">
      <protection hidden="1"/>
    </xf>
    <xf numFmtId="0" fontId="1" fillId="0" borderId="63" xfId="0" applyFont="1" applyBorder="1" applyProtection="1">
      <protection hidden="1"/>
    </xf>
    <xf numFmtId="0" fontId="0" fillId="0" borderId="64" xfId="0" applyBorder="1" applyProtection="1">
      <protection hidden="1"/>
    </xf>
    <xf numFmtId="0" fontId="0" fillId="0" borderId="65" xfId="0" applyBorder="1" applyProtection="1">
      <protection hidden="1"/>
    </xf>
    <xf numFmtId="0" fontId="5" fillId="2" borderId="66" xfId="1" applyBorder="1">
      <protection locked="0"/>
    </xf>
    <xf numFmtId="0" fontId="0" fillId="0" borderId="57" xfId="0" applyBorder="1" applyProtection="1">
      <protection hidden="1"/>
    </xf>
    <xf numFmtId="0" fontId="21" fillId="0" borderId="67" xfId="0" applyFont="1" applyBorder="1" applyProtection="1">
      <protection hidden="1"/>
    </xf>
    <xf numFmtId="0" fontId="4" fillId="0" borderId="67" xfId="0" applyFont="1" applyBorder="1" applyProtection="1">
      <protection hidden="1"/>
    </xf>
    <xf numFmtId="0" fontId="0" fillId="0" borderId="68" xfId="0" applyBorder="1" applyProtection="1">
      <protection hidden="1"/>
    </xf>
    <xf numFmtId="0" fontId="11" fillId="0" borderId="0" xfId="3" applyBorder="1" applyProtection="1">
      <protection locked="0"/>
    </xf>
    <xf numFmtId="0" fontId="30" fillId="0" borderId="5" xfId="0" applyFont="1" applyBorder="1" applyProtection="1">
      <protection hidden="1"/>
    </xf>
    <xf numFmtId="0" fontId="9" fillId="0" borderId="75" xfId="0" applyFont="1" applyBorder="1" applyAlignment="1" applyProtection="1">
      <alignment vertical="center"/>
      <protection hidden="1"/>
    </xf>
    <xf numFmtId="0" fontId="0" fillId="0" borderId="76" xfId="0" applyBorder="1" applyProtection="1">
      <protection hidden="1"/>
    </xf>
    <xf numFmtId="0" fontId="0" fillId="0" borderId="76" xfId="0" applyBorder="1" applyAlignment="1" applyProtection="1">
      <alignment horizontal="right" vertical="center"/>
      <protection hidden="1"/>
    </xf>
    <xf numFmtId="0" fontId="5" fillId="2" borderId="77" xfId="1" applyBorder="1">
      <protection locked="0"/>
    </xf>
    <xf numFmtId="0" fontId="0" fillId="0" borderId="78" xfId="0" applyBorder="1" applyProtection="1">
      <protection hidden="1"/>
    </xf>
    <xf numFmtId="0" fontId="0" fillId="0" borderId="73" xfId="0" applyBorder="1" applyProtection="1">
      <protection hidden="1"/>
    </xf>
    <xf numFmtId="0" fontId="0" fillId="0" borderId="79" xfId="0" applyBorder="1" applyProtection="1">
      <protection hidden="1"/>
    </xf>
    <xf numFmtId="0" fontId="0" fillId="0" borderId="25" xfId="0" applyBorder="1" applyProtection="1">
      <protection hidden="1"/>
    </xf>
    <xf numFmtId="0" fontId="1" fillId="0" borderId="80" xfId="0" applyFont="1" applyBorder="1" applyProtection="1">
      <protection hidden="1"/>
    </xf>
    <xf numFmtId="0" fontId="1" fillId="0" borderId="84" xfId="0" applyFont="1" applyBorder="1" applyProtection="1">
      <protection hidden="1"/>
    </xf>
    <xf numFmtId="0" fontId="0" fillId="0" borderId="74" xfId="0" applyBorder="1" applyProtection="1">
      <protection hidden="1"/>
    </xf>
    <xf numFmtId="0" fontId="0" fillId="0" borderId="6" xfId="0" applyBorder="1"/>
    <xf numFmtId="0" fontId="0" fillId="0" borderId="10" xfId="0" applyBorder="1"/>
    <xf numFmtId="0" fontId="0" fillId="0" borderId="12" xfId="0" applyBorder="1"/>
    <xf numFmtId="0" fontId="20" fillId="0" borderId="6" xfId="0" applyFont="1" applyBorder="1" applyAlignment="1">
      <alignment horizontal="left" vertical="top" wrapText="1"/>
    </xf>
    <xf numFmtId="0" fontId="18" fillId="0" borderId="0" xfId="0" applyFont="1" applyAlignment="1">
      <alignment horizontal="left" vertical="top" wrapText="1"/>
    </xf>
    <xf numFmtId="0" fontId="18" fillId="0" borderId="7" xfId="0" applyFont="1" applyBorder="1" applyAlignment="1">
      <alignment horizontal="left" vertical="top" wrapText="1"/>
    </xf>
    <xf numFmtId="0" fontId="0" fillId="0" borderId="25" xfId="0" applyBorder="1"/>
    <xf numFmtId="0" fontId="0" fillId="0" borderId="36" xfId="0" applyBorder="1"/>
    <xf numFmtId="0" fontId="0" fillId="0" borderId="25" xfId="0" applyBorder="1" applyAlignment="1">
      <alignment wrapText="1"/>
    </xf>
    <xf numFmtId="0" fontId="0" fillId="0" borderId="17" xfId="0" applyBorder="1" applyAlignment="1">
      <alignment wrapText="1"/>
    </xf>
    <xf numFmtId="0" fontId="5" fillId="0" borderId="1" xfId="1" applyFill="1" applyBorder="1" applyAlignment="1" applyProtection="1">
      <alignment horizontal="left" wrapText="1"/>
    </xf>
    <xf numFmtId="0" fontId="5" fillId="0" borderId="18" xfId="1" applyFill="1" applyBorder="1" applyAlignment="1" applyProtection="1">
      <alignment horizontal="left" wrapText="1"/>
    </xf>
    <xf numFmtId="0" fontId="20" fillId="0" borderId="4" xfId="0" applyFont="1" applyBorder="1" applyAlignment="1">
      <alignment horizontal="left" vertical="top" wrapText="1"/>
    </xf>
    <xf numFmtId="0" fontId="0" fillId="0" borderId="5" xfId="0" applyBorder="1"/>
    <xf numFmtId="0" fontId="0" fillId="0" borderId="2" xfId="0" applyBorder="1"/>
    <xf numFmtId="0" fontId="0" fillId="0" borderId="89" xfId="0" applyBorder="1" applyAlignment="1">
      <alignment horizontal="left" vertical="top" wrapText="1"/>
    </xf>
    <xf numFmtId="0" fontId="0" fillId="0" borderId="92" xfId="0" applyBorder="1" applyAlignment="1" applyProtection="1">
      <alignment wrapText="1"/>
      <protection hidden="1"/>
    </xf>
    <xf numFmtId="0" fontId="5" fillId="2" borderId="45" xfId="1" applyBorder="1">
      <protection locked="0"/>
    </xf>
    <xf numFmtId="0" fontId="5" fillId="2" borderId="46" xfId="1" applyBorder="1">
      <protection locked="0"/>
    </xf>
    <xf numFmtId="0" fontId="5" fillId="2" borderId="47" xfId="1" applyBorder="1">
      <protection locked="0"/>
    </xf>
    <xf numFmtId="0" fontId="5" fillId="2" borderId="44" xfId="1" applyBorder="1">
      <protection locked="0"/>
    </xf>
    <xf numFmtId="0" fontId="5" fillId="2" borderId="19" xfId="1" applyBorder="1">
      <protection locked="0"/>
    </xf>
    <xf numFmtId="0" fontId="5" fillId="2" borderId="19" xfId="1" applyNumberFormat="1" applyBorder="1">
      <protection locked="0"/>
    </xf>
    <xf numFmtId="0" fontId="5" fillId="2" borderId="50" xfId="1" applyBorder="1">
      <protection locked="0"/>
    </xf>
    <xf numFmtId="0" fontId="5" fillId="2" borderId="14" xfId="1" applyBorder="1">
      <protection locked="0"/>
    </xf>
    <xf numFmtId="0" fontId="5" fillId="2" borderId="24" xfId="1" applyNumberFormat="1" applyBorder="1">
      <protection locked="0"/>
    </xf>
    <xf numFmtId="0" fontId="0" fillId="0" borderId="32" xfId="0" applyBorder="1"/>
    <xf numFmtId="0" fontId="0" fillId="0" borderId="76" xfId="0" applyBorder="1" applyAlignment="1" applyProtection="1">
      <alignment horizontal="center" vertical="center"/>
      <protection hidden="1"/>
    </xf>
    <xf numFmtId="0" fontId="0" fillId="0" borderId="18" xfId="0" applyBorder="1" applyProtection="1">
      <protection hidden="1"/>
    </xf>
    <xf numFmtId="0" fontId="0" fillId="0" borderId="1" xfId="0" applyBorder="1" applyProtection="1">
      <protection hidden="1"/>
    </xf>
    <xf numFmtId="0" fontId="0" fillId="0" borderId="97" xfId="0" applyBorder="1"/>
    <xf numFmtId="0" fontId="15" fillId="0" borderId="0" xfId="0" applyFont="1" applyProtection="1">
      <protection locked="0" hidden="1"/>
    </xf>
    <xf numFmtId="0" fontId="0" fillId="0" borderId="38" xfId="0" applyBorder="1"/>
    <xf numFmtId="0" fontId="49" fillId="5" borderId="7" xfId="0" applyFont="1" applyFill="1" applyBorder="1"/>
    <xf numFmtId="0" fontId="50" fillId="0" borderId="0" xfId="0" applyFont="1"/>
    <xf numFmtId="0" fontId="0" fillId="6" borderId="99" xfId="0" applyFill="1" applyBorder="1" applyProtection="1">
      <protection locked="0"/>
    </xf>
    <xf numFmtId="0" fontId="5" fillId="6" borderId="100" xfId="1" applyFill="1" applyBorder="1">
      <protection locked="0"/>
    </xf>
    <xf numFmtId="0" fontId="0" fillId="6" borderId="57" xfId="0" applyFill="1" applyBorder="1" applyProtection="1">
      <protection locked="0"/>
    </xf>
    <xf numFmtId="0" fontId="5" fillId="6" borderId="102" xfId="1" applyFill="1" applyBorder="1">
      <protection locked="0"/>
    </xf>
    <xf numFmtId="0" fontId="0" fillId="6" borderId="104" xfId="0" applyFill="1" applyBorder="1" applyProtection="1">
      <protection locked="0"/>
    </xf>
    <xf numFmtId="0" fontId="5" fillId="6" borderId="105" xfId="1" applyFill="1" applyBorder="1">
      <protection locked="0"/>
    </xf>
    <xf numFmtId="0" fontId="1" fillId="5" borderId="5" xfId="0" applyFont="1" applyFill="1" applyBorder="1" applyProtection="1">
      <protection hidden="1"/>
    </xf>
    <xf numFmtId="0" fontId="1" fillId="5" borderId="4" xfId="0" applyFont="1" applyFill="1" applyBorder="1" applyProtection="1">
      <protection hidden="1"/>
    </xf>
    <xf numFmtId="0" fontId="49" fillId="5" borderId="2" xfId="0" applyFont="1" applyFill="1" applyBorder="1" applyProtection="1">
      <protection hidden="1"/>
    </xf>
    <xf numFmtId="0" fontId="43" fillId="6" borderId="99" xfId="0" applyFont="1" applyFill="1" applyBorder="1" applyProtection="1">
      <protection locked="0"/>
    </xf>
    <xf numFmtId="0" fontId="43" fillId="6" borderId="57" xfId="0" applyFont="1" applyFill="1" applyBorder="1" applyProtection="1">
      <protection locked="0"/>
    </xf>
    <xf numFmtId="0" fontId="43" fillId="6" borderId="112" xfId="0" applyFont="1" applyFill="1" applyBorder="1" applyProtection="1">
      <protection locked="0"/>
    </xf>
    <xf numFmtId="0" fontId="0" fillId="6" borderId="112" xfId="0" applyFill="1" applyBorder="1" applyProtection="1">
      <protection locked="0"/>
    </xf>
    <xf numFmtId="0" fontId="1" fillId="5" borderId="115" xfId="0" applyFont="1" applyFill="1" applyBorder="1" applyAlignment="1" applyProtection="1">
      <alignment horizontal="center" vertical="center"/>
      <protection hidden="1"/>
    </xf>
    <xf numFmtId="0" fontId="1" fillId="5" borderId="116" xfId="0" applyFont="1" applyFill="1" applyBorder="1" applyProtection="1">
      <protection hidden="1"/>
    </xf>
    <xf numFmtId="2" fontId="42" fillId="5" borderId="117" xfId="0" applyNumberFormat="1" applyFont="1" applyFill="1" applyBorder="1" applyAlignment="1">
      <alignment horizontal="center"/>
    </xf>
    <xf numFmtId="0" fontId="42" fillId="5" borderId="118" xfId="0" applyFont="1" applyFill="1" applyBorder="1" applyAlignment="1">
      <alignment horizontal="center"/>
    </xf>
    <xf numFmtId="0" fontId="41" fillId="5" borderId="28" xfId="0" applyFont="1" applyFill="1" applyBorder="1" applyAlignment="1" applyProtection="1">
      <alignment horizontal="left"/>
      <protection hidden="1"/>
    </xf>
    <xf numFmtId="0" fontId="48" fillId="0" borderId="0" xfId="6" applyBorder="1" applyAlignment="1">
      <alignment horizontal="center" vertical="center"/>
    </xf>
    <xf numFmtId="164" fontId="40" fillId="3" borderId="119" xfId="2" applyNumberFormat="1" applyFont="1" applyBorder="1" applyAlignment="1" applyProtection="1">
      <alignment horizontal="center" wrapText="1"/>
      <protection hidden="1"/>
    </xf>
    <xf numFmtId="0" fontId="40" fillId="5" borderId="120" xfId="0" applyFont="1" applyFill="1" applyBorder="1" applyAlignment="1" applyProtection="1">
      <alignment horizontal="center" wrapText="1"/>
      <protection hidden="1"/>
    </xf>
    <xf numFmtId="0" fontId="0" fillId="0" borderId="93" xfId="0" applyBorder="1" applyProtection="1">
      <protection hidden="1"/>
    </xf>
    <xf numFmtId="0" fontId="0" fillId="8" borderId="7" xfId="0" applyFill="1" applyBorder="1" applyAlignment="1">
      <alignment horizontal="center" vertical="center"/>
    </xf>
    <xf numFmtId="0" fontId="0" fillId="8" borderId="0" xfId="0" applyFill="1" applyAlignment="1">
      <alignment horizontal="center" vertical="center"/>
    </xf>
    <xf numFmtId="0" fontId="0" fillId="8" borderId="0" xfId="0" quotePrefix="1" applyFill="1" applyAlignment="1">
      <alignment horizontal="center" vertical="center"/>
    </xf>
    <xf numFmtId="0" fontId="6" fillId="0" borderId="37" xfId="0" applyFont="1" applyBorder="1" applyAlignment="1" applyProtection="1">
      <alignment horizontal="center" wrapText="1"/>
      <protection hidden="1"/>
    </xf>
    <xf numFmtId="0" fontId="6" fillId="0" borderId="36" xfId="0" applyFont="1" applyBorder="1" applyAlignment="1" applyProtection="1">
      <alignment horizontal="center" wrapText="1"/>
      <protection hidden="1"/>
    </xf>
    <xf numFmtId="164" fontId="41" fillId="3" borderId="61" xfId="2" applyNumberFormat="1" applyFont="1" applyBorder="1" applyProtection="1">
      <protection hidden="1"/>
    </xf>
    <xf numFmtId="0" fontId="55" fillId="9" borderId="4" xfId="0" applyFont="1" applyFill="1" applyBorder="1" applyAlignment="1" applyProtection="1">
      <alignment horizontal="center" vertical="top"/>
      <protection hidden="1"/>
    </xf>
    <xf numFmtId="0" fontId="55" fillId="9" borderId="5" xfId="0" applyFont="1" applyFill="1" applyBorder="1" applyAlignment="1" applyProtection="1">
      <alignment horizontal="center" vertical="top"/>
      <protection hidden="1"/>
    </xf>
    <xf numFmtId="0" fontId="55" fillId="9" borderId="2" xfId="0" applyFont="1" applyFill="1" applyBorder="1" applyAlignment="1" applyProtection="1">
      <alignment horizontal="center" vertical="top"/>
      <protection hidden="1"/>
    </xf>
    <xf numFmtId="0" fontId="55" fillId="9" borderId="6" xfId="0" applyFont="1" applyFill="1" applyBorder="1" applyAlignment="1" applyProtection="1">
      <alignment horizontal="center" vertical="top"/>
      <protection hidden="1"/>
    </xf>
    <xf numFmtId="0" fontId="55" fillId="9" borderId="0" xfId="0" applyFont="1" applyFill="1" applyAlignment="1" applyProtection="1">
      <alignment horizontal="center" vertical="top"/>
      <protection hidden="1"/>
    </xf>
    <xf numFmtId="0" fontId="55" fillId="9" borderId="7" xfId="0" applyFont="1" applyFill="1" applyBorder="1" applyAlignment="1" applyProtection="1">
      <alignment horizontal="center" vertical="top"/>
      <protection hidden="1"/>
    </xf>
    <xf numFmtId="0" fontId="19" fillId="4" borderId="20" xfId="0" quotePrefix="1" applyFont="1" applyFill="1" applyBorder="1" applyAlignment="1" applyProtection="1">
      <alignment horizontal="left" vertical="center" wrapText="1"/>
      <protection hidden="1"/>
    </xf>
    <xf numFmtId="0" fontId="19" fillId="4" borderId="21" xfId="0" applyFont="1" applyFill="1" applyBorder="1" applyAlignment="1" applyProtection="1">
      <alignment horizontal="left" vertical="center" wrapText="1"/>
      <protection hidden="1"/>
    </xf>
    <xf numFmtId="0" fontId="19" fillId="4" borderId="22" xfId="0" applyFont="1" applyFill="1" applyBorder="1" applyAlignment="1" applyProtection="1">
      <alignment horizontal="left" vertical="center" wrapText="1"/>
      <protection hidden="1"/>
    </xf>
    <xf numFmtId="0" fontId="5" fillId="2" borderId="3" xfId="1" applyAlignment="1">
      <alignment horizontal="left"/>
      <protection locked="0"/>
    </xf>
    <xf numFmtId="0" fontId="5" fillId="2" borderId="9" xfId="1" applyBorder="1" applyAlignment="1">
      <alignment horizontal="left"/>
      <protection locked="0"/>
    </xf>
    <xf numFmtId="0" fontId="5" fillId="2" borderId="40" xfId="1" applyBorder="1" applyAlignment="1">
      <alignment horizontal="left"/>
      <protection locked="0"/>
    </xf>
    <xf numFmtId="0" fontId="5" fillId="2" borderId="52" xfId="1" applyBorder="1" applyAlignment="1">
      <alignment horizontal="left"/>
      <protection locked="0"/>
    </xf>
    <xf numFmtId="0" fontId="23" fillId="0" borderId="58" xfId="0" applyFont="1" applyBorder="1" applyAlignment="1" applyProtection="1">
      <alignment horizontal="right"/>
      <protection hidden="1"/>
    </xf>
    <xf numFmtId="0" fontId="4" fillId="0" borderId="38" xfId="0" applyFont="1" applyBorder="1" applyProtection="1">
      <protection hidden="1"/>
    </xf>
    <xf numFmtId="0" fontId="0" fillId="0" borderId="0" xfId="0"/>
    <xf numFmtId="0" fontId="0" fillId="0" borderId="7" xfId="0" applyBorder="1"/>
    <xf numFmtId="0" fontId="5" fillId="2" borderId="121" xfId="1" applyBorder="1" applyAlignment="1">
      <alignment horizontal="center"/>
      <protection locked="0"/>
    </xf>
    <xf numFmtId="0" fontId="5" fillId="2" borderId="122" xfId="1" applyBorder="1" applyAlignment="1">
      <alignment horizontal="center"/>
      <protection locked="0"/>
    </xf>
    <xf numFmtId="0" fontId="51" fillId="7" borderId="10" xfId="5" quotePrefix="1" applyFont="1" applyBorder="1" applyAlignment="1" applyProtection="1">
      <alignment horizontal="left" vertical="center" wrapText="1"/>
      <protection hidden="1"/>
    </xf>
    <xf numFmtId="0" fontId="51" fillId="7" borderId="0" xfId="5" applyFont="1" applyBorder="1" applyAlignment="1">
      <alignment horizontal="left" vertical="center" wrapText="1"/>
    </xf>
    <xf numFmtId="0" fontId="1" fillId="5" borderId="91" xfId="0" applyFont="1" applyFill="1" applyBorder="1" applyAlignment="1" applyProtection="1">
      <alignment horizontal="center" vertical="center" wrapText="1"/>
      <protection hidden="1"/>
    </xf>
    <xf numFmtId="0" fontId="0" fillId="5" borderId="54" xfId="0" applyFill="1" applyBorder="1" applyAlignment="1">
      <alignment horizontal="center" vertical="center" wrapText="1"/>
    </xf>
    <xf numFmtId="0" fontId="51" fillId="7" borderId="108" xfId="5" applyFont="1" applyBorder="1" applyAlignment="1">
      <alignment horizontal="left" vertical="center"/>
    </xf>
    <xf numFmtId="0" fontId="51" fillId="7" borderId="107" xfId="5" applyFont="1" applyBorder="1" applyAlignment="1">
      <alignment horizontal="left" vertical="center"/>
    </xf>
    <xf numFmtId="0" fontId="51" fillId="7" borderId="106" xfId="5" applyFont="1" applyBorder="1" applyAlignment="1">
      <alignment horizontal="left" vertical="center"/>
    </xf>
    <xf numFmtId="0" fontId="1" fillId="5" borderId="114" xfId="0" applyFont="1" applyFill="1" applyBorder="1" applyAlignment="1">
      <alignment horizontal="center" vertical="center" wrapText="1"/>
    </xf>
    <xf numFmtId="0" fontId="0" fillId="0" borderId="78" xfId="0" applyBorder="1" applyAlignment="1">
      <alignment horizontal="center" vertical="center" wrapText="1"/>
    </xf>
    <xf numFmtId="0" fontId="1" fillId="5" borderId="114" xfId="0" applyFont="1" applyFill="1" applyBorder="1" applyProtection="1">
      <protection hidden="1"/>
    </xf>
    <xf numFmtId="0" fontId="0" fillId="5" borderId="113" xfId="0" applyFill="1" applyBorder="1"/>
    <xf numFmtId="0" fontId="0" fillId="0" borderId="43" xfId="0" applyBorder="1" applyAlignment="1" applyProtection="1">
      <alignment horizontal="center"/>
      <protection locked="0"/>
    </xf>
    <xf numFmtId="0" fontId="0" fillId="0" borderId="41" xfId="0" applyBorder="1" applyAlignment="1" applyProtection="1">
      <alignment horizontal="center"/>
      <protection locked="0"/>
    </xf>
    <xf numFmtId="0" fontId="0" fillId="0" borderId="112" xfId="0" applyBorder="1" applyProtection="1">
      <protection locked="0"/>
    </xf>
    <xf numFmtId="0" fontId="0" fillId="0" borderId="111" xfId="0" applyBorder="1" applyProtection="1">
      <protection locked="0"/>
    </xf>
    <xf numFmtId="0" fontId="0" fillId="0" borderId="53" xfId="0" applyBorder="1" applyAlignment="1" applyProtection="1">
      <alignment horizontal="center"/>
      <protection locked="0"/>
    </xf>
    <xf numFmtId="0" fontId="0" fillId="0" borderId="54" xfId="0" applyBorder="1" applyAlignment="1" applyProtection="1">
      <alignment horizontal="center"/>
      <protection locked="0"/>
    </xf>
    <xf numFmtId="0" fontId="0" fillId="0" borderId="57" xfId="0" applyBorder="1" applyProtection="1">
      <protection locked="0"/>
    </xf>
    <xf numFmtId="0" fontId="0" fillId="0" borderId="101" xfId="0" applyBorder="1" applyProtection="1">
      <protection locked="0"/>
    </xf>
    <xf numFmtId="0" fontId="0" fillId="0" borderId="55" xfId="0" applyBorder="1" applyProtection="1">
      <protection locked="0"/>
    </xf>
    <xf numFmtId="0" fontId="0" fillId="0" borderId="61" xfId="0" applyBorder="1" applyProtection="1">
      <protection locked="0"/>
    </xf>
    <xf numFmtId="0" fontId="0" fillId="0" borderId="55" xfId="0" applyBorder="1" applyAlignment="1" applyProtection="1">
      <alignment horizontal="center"/>
      <protection locked="0"/>
    </xf>
    <xf numFmtId="0" fontId="0" fillId="0" borderId="56" xfId="0" applyBorder="1" applyAlignment="1" applyProtection="1">
      <alignment horizontal="center"/>
      <protection locked="0"/>
    </xf>
    <xf numFmtId="0" fontId="0" fillId="0" borderId="110" xfId="0" applyBorder="1" applyProtection="1">
      <protection locked="0"/>
    </xf>
    <xf numFmtId="0" fontId="0" fillId="0" borderId="109" xfId="0" applyBorder="1" applyProtection="1">
      <protection locked="0"/>
    </xf>
    <xf numFmtId="0" fontId="50" fillId="0" borderId="0" xfId="0" applyFont="1" applyProtection="1">
      <protection hidden="1"/>
    </xf>
    <xf numFmtId="0" fontId="49" fillId="0" borderId="0" xfId="0" applyFont="1"/>
    <xf numFmtId="0" fontId="1" fillId="5" borderId="5" xfId="0" applyFont="1" applyFill="1" applyBorder="1" applyProtection="1">
      <protection hidden="1"/>
    </xf>
    <xf numFmtId="0" fontId="1" fillId="5" borderId="5" xfId="0" applyFont="1" applyFill="1" applyBorder="1"/>
    <xf numFmtId="0" fontId="1" fillId="5" borderId="2" xfId="0" applyFont="1" applyFill="1" applyBorder="1"/>
    <xf numFmtId="0" fontId="0" fillId="0" borderId="104" xfId="0" applyBorder="1" applyProtection="1">
      <protection locked="0"/>
    </xf>
    <xf numFmtId="0" fontId="0" fillId="0" borderId="103" xfId="0" applyBorder="1" applyProtection="1">
      <protection locked="0"/>
    </xf>
    <xf numFmtId="0" fontId="0" fillId="0" borderId="99" xfId="0" applyBorder="1" applyProtection="1">
      <protection locked="0"/>
    </xf>
    <xf numFmtId="0" fontId="0" fillId="0" borderId="98" xfId="0" applyBorder="1" applyProtection="1">
      <protection locked="0"/>
    </xf>
    <xf numFmtId="0" fontId="0" fillId="0" borderId="58" xfId="0" applyBorder="1" applyAlignment="1" applyProtection="1">
      <alignment horizontal="center"/>
      <protection locked="0"/>
    </xf>
    <xf numFmtId="0" fontId="0" fillId="0" borderId="48" xfId="0" applyBorder="1" applyAlignment="1" applyProtection="1">
      <alignment horizontal="center"/>
      <protection locked="0"/>
    </xf>
    <xf numFmtId="0" fontId="0" fillId="0" borderId="49" xfId="0" applyBorder="1" applyAlignment="1" applyProtection="1">
      <alignment horizontal="center"/>
      <protection locked="0"/>
    </xf>
    <xf numFmtId="0" fontId="9" fillId="0" borderId="94" xfId="0" applyFont="1" applyBorder="1" applyAlignment="1" applyProtection="1">
      <alignment horizontal="left" vertical="center"/>
      <protection hidden="1"/>
    </xf>
    <xf numFmtId="0" fontId="0" fillId="0" borderId="76" xfId="0" applyBorder="1" applyAlignment="1">
      <alignment horizontal="left"/>
    </xf>
    <xf numFmtId="0" fontId="0" fillId="0" borderId="78" xfId="0" applyBorder="1" applyAlignment="1">
      <alignment horizontal="left"/>
    </xf>
    <xf numFmtId="0" fontId="45" fillId="0" borderId="35" xfId="0" applyFont="1" applyBorder="1" applyAlignment="1" applyProtection="1">
      <alignment horizontal="left" vertical="center"/>
      <protection hidden="1"/>
    </xf>
    <xf numFmtId="0" fontId="46" fillId="0" borderId="34" xfId="0" applyFont="1" applyBorder="1" applyAlignment="1">
      <alignment horizontal="left"/>
    </xf>
    <xf numFmtId="0" fontId="0" fillId="0" borderId="90" xfId="0" applyBorder="1" applyAlignment="1" applyProtection="1">
      <alignment horizontal="center" vertical="center"/>
      <protection hidden="1"/>
    </xf>
    <xf numFmtId="0" fontId="0" fillId="0" borderId="95" xfId="0" applyBorder="1"/>
    <xf numFmtId="1" fontId="17" fillId="2" borderId="90" xfId="1" applyNumberFormat="1" applyFont="1" applyBorder="1" applyAlignment="1">
      <alignment horizontal="center" vertical="center"/>
      <protection locked="0"/>
    </xf>
    <xf numFmtId="1" fontId="0" fillId="0" borderId="33" xfId="0" applyNumberFormat="1" applyBorder="1" applyAlignment="1" applyProtection="1">
      <alignment horizontal="center" vertical="center"/>
      <protection locked="0"/>
    </xf>
    <xf numFmtId="0" fontId="17" fillId="2" borderId="8" xfId="1" applyFont="1" applyBorder="1" applyAlignment="1">
      <alignment horizontal="left" vertical="top" wrapText="1"/>
      <protection locked="0"/>
    </xf>
    <xf numFmtId="0" fontId="17" fillId="2" borderId="3" xfId="1" applyFont="1" applyAlignment="1">
      <alignment horizontal="left" vertical="top" wrapText="1"/>
      <protection locked="0"/>
    </xf>
    <xf numFmtId="0" fontId="17" fillId="2" borderId="9" xfId="1" applyFont="1" applyBorder="1" applyAlignment="1">
      <alignment horizontal="left" vertical="top" wrapText="1"/>
      <protection locked="0"/>
    </xf>
    <xf numFmtId="0" fontId="17" fillId="2" borderId="13" xfId="1" applyFont="1" applyBorder="1" applyAlignment="1">
      <alignment horizontal="left" vertical="top" wrapText="1"/>
      <protection locked="0"/>
    </xf>
    <xf numFmtId="0" fontId="17" fillId="2" borderId="14" xfId="1" applyFont="1" applyBorder="1" applyAlignment="1">
      <alignment horizontal="left" vertical="top" wrapText="1"/>
      <protection locked="0"/>
    </xf>
    <xf numFmtId="0" fontId="17" fillId="2" borderId="15" xfId="1" applyFont="1" applyBorder="1" applyAlignment="1">
      <alignment horizontal="left" vertical="top" wrapText="1"/>
      <protection locked="0"/>
    </xf>
    <xf numFmtId="0" fontId="10" fillId="0" borderId="69" xfId="0" applyFont="1" applyBorder="1" applyAlignment="1" applyProtection="1">
      <alignment horizontal="center" vertical="center"/>
      <protection hidden="1"/>
    </xf>
    <xf numFmtId="0" fontId="10" fillId="0" borderId="70" xfId="0" applyFont="1" applyBorder="1" applyAlignment="1" applyProtection="1">
      <alignment horizontal="center" vertical="center"/>
      <protection hidden="1"/>
    </xf>
    <xf numFmtId="0" fontId="34" fillId="0" borderId="70" xfId="0" applyFont="1" applyBorder="1" applyAlignment="1" applyProtection="1">
      <alignment horizontal="center" vertical="center"/>
      <protection hidden="1"/>
    </xf>
    <xf numFmtId="0" fontId="34" fillId="0" borderId="71" xfId="0" applyFont="1" applyBorder="1" applyAlignment="1" applyProtection="1">
      <alignment horizontal="center" vertical="center"/>
      <protection hidden="1"/>
    </xf>
    <xf numFmtId="0" fontId="12" fillId="0" borderId="10" xfId="0" applyFont="1" applyBorder="1" applyAlignment="1" applyProtection="1">
      <alignment horizontal="center" vertical="center"/>
      <protection hidden="1"/>
    </xf>
    <xf numFmtId="0" fontId="12" fillId="0" borderId="42" xfId="0" applyFont="1" applyBorder="1" applyAlignment="1" applyProtection="1">
      <alignment horizontal="center" vertical="center"/>
      <protection hidden="1"/>
    </xf>
    <xf numFmtId="0" fontId="12" fillId="0" borderId="32" xfId="0" applyFont="1" applyBorder="1" applyAlignment="1" applyProtection="1">
      <alignment horizontal="center" vertical="center"/>
      <protection hidden="1"/>
    </xf>
    <xf numFmtId="0" fontId="12" fillId="0" borderId="86" xfId="0" applyFont="1" applyBorder="1" applyAlignment="1" applyProtection="1">
      <alignment horizontal="center" vertical="center"/>
      <protection hidden="1"/>
    </xf>
    <xf numFmtId="0" fontId="0" fillId="0" borderId="0" xfId="0" applyProtection="1">
      <protection hidden="1"/>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7" fillId="2" borderId="16" xfId="1" applyFont="1" applyBorder="1" applyAlignment="1">
      <alignment horizontal="left" vertical="top"/>
      <protection locked="0"/>
    </xf>
    <xf numFmtId="0" fontId="17" fillId="2" borderId="26" xfId="1" applyFont="1" applyBorder="1" applyAlignment="1">
      <alignment horizontal="left" vertical="top"/>
      <protection locked="0"/>
    </xf>
    <xf numFmtId="0" fontId="8" fillId="0" borderId="4" xfId="0" applyFont="1" applyBorder="1" applyAlignment="1" applyProtection="1">
      <alignment horizontal="center"/>
      <protection hidden="1"/>
    </xf>
    <xf numFmtId="0" fontId="8" fillId="0" borderId="5" xfId="0" applyFont="1" applyBorder="1" applyAlignment="1" applyProtection="1">
      <alignment horizontal="center"/>
      <protection hidden="1"/>
    </xf>
    <xf numFmtId="0" fontId="8" fillId="0" borderId="2" xfId="0" applyFont="1" applyBorder="1" applyAlignment="1" applyProtection="1">
      <alignment horizontal="center"/>
      <protection hidden="1"/>
    </xf>
    <xf numFmtId="0" fontId="13" fillId="0" borderId="6" xfId="0" applyFont="1" applyBorder="1" applyAlignment="1" applyProtection="1">
      <alignment horizontal="center"/>
      <protection hidden="1"/>
    </xf>
    <xf numFmtId="0" fontId="13" fillId="0" borderId="0" xfId="0" applyFont="1" applyAlignment="1" applyProtection="1">
      <alignment horizontal="center"/>
      <protection hidden="1"/>
    </xf>
    <xf numFmtId="0" fontId="13" fillId="0" borderId="7" xfId="0" applyFont="1" applyBorder="1" applyAlignment="1" applyProtection="1">
      <alignment horizontal="center"/>
      <protection hidden="1"/>
    </xf>
    <xf numFmtId="165" fontId="0" fillId="0" borderId="81" xfId="0" applyNumberFormat="1" applyBorder="1" applyAlignment="1" applyProtection="1">
      <alignment horizontal="left"/>
      <protection hidden="1"/>
    </xf>
    <xf numFmtId="165" fontId="0" fillId="0" borderId="82" xfId="0" applyNumberFormat="1" applyBorder="1" applyAlignment="1" applyProtection="1">
      <alignment horizontal="left"/>
      <protection hidden="1"/>
    </xf>
    <xf numFmtId="165" fontId="0" fillId="0" borderId="83" xfId="0" applyNumberFormat="1" applyBorder="1" applyAlignment="1" applyProtection="1">
      <alignment horizontal="left"/>
      <protection hidden="1"/>
    </xf>
    <xf numFmtId="165" fontId="0" fillId="0" borderId="85" xfId="0" applyNumberFormat="1" applyBorder="1" applyAlignment="1" applyProtection="1">
      <alignment horizontal="left"/>
      <protection hidden="1"/>
    </xf>
    <xf numFmtId="165" fontId="0" fillId="0" borderId="58" xfId="0" applyNumberFormat="1" applyBorder="1" applyAlignment="1" applyProtection="1">
      <alignment horizontal="left"/>
      <protection hidden="1"/>
    </xf>
    <xf numFmtId="165" fontId="0" fillId="0" borderId="61" xfId="0" applyNumberFormat="1" applyBorder="1" applyAlignment="1" applyProtection="1">
      <alignment horizontal="left"/>
      <protection hidden="1"/>
    </xf>
    <xf numFmtId="165" fontId="0" fillId="0" borderId="17"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18" xfId="0" applyNumberFormat="1" applyBorder="1" applyAlignment="1" applyProtection="1">
      <alignment horizontal="left"/>
      <protection hidden="1"/>
    </xf>
    <xf numFmtId="0" fontId="33" fillId="0" borderId="5" xfId="0" applyFont="1" applyBorder="1" applyAlignment="1" applyProtection="1">
      <alignment horizontal="center"/>
      <protection hidden="1"/>
    </xf>
    <xf numFmtId="0" fontId="33" fillId="0" borderId="2" xfId="0" applyFont="1" applyBorder="1" applyAlignment="1" applyProtection="1">
      <alignment horizontal="center"/>
      <protection hidden="1"/>
    </xf>
    <xf numFmtId="0" fontId="33" fillId="0" borderId="10" xfId="0" applyFont="1" applyBorder="1" applyAlignment="1" applyProtection="1">
      <alignment horizontal="center" vertical="center"/>
      <protection hidden="1"/>
    </xf>
    <xf numFmtId="0" fontId="33" fillId="0" borderId="12" xfId="0" applyFont="1" applyBorder="1" applyAlignment="1" applyProtection="1">
      <alignment horizontal="center" vertical="center"/>
      <protection hidden="1"/>
    </xf>
    <xf numFmtId="0" fontId="33" fillId="0" borderId="42" xfId="0" applyFont="1" applyBorder="1" applyAlignment="1" applyProtection="1">
      <alignment horizontal="center" vertical="center"/>
      <protection hidden="1"/>
    </xf>
    <xf numFmtId="0" fontId="33" fillId="0" borderId="51" xfId="0" applyFont="1" applyBorder="1" applyAlignment="1" applyProtection="1">
      <alignment horizontal="center" vertical="center"/>
      <protection hidden="1"/>
    </xf>
    <xf numFmtId="0" fontId="33" fillId="0" borderId="10" xfId="0" applyFont="1" applyBorder="1" applyAlignment="1" applyProtection="1">
      <alignment horizontal="center"/>
      <protection hidden="1"/>
    </xf>
    <xf numFmtId="0" fontId="33" fillId="0" borderId="42" xfId="0" applyFont="1" applyBorder="1" applyAlignment="1" applyProtection="1">
      <alignment horizontal="center"/>
      <protection hidden="1"/>
    </xf>
    <xf numFmtId="0" fontId="10" fillId="0" borderId="11" xfId="0" applyFont="1" applyBorder="1" applyAlignment="1" applyProtection="1">
      <alignment horizontal="left" vertical="center"/>
      <protection hidden="1"/>
    </xf>
    <xf numFmtId="0" fontId="10" fillId="0" borderId="10" xfId="0" applyFont="1" applyBorder="1" applyAlignment="1" applyProtection="1">
      <alignment horizontal="left" vertical="center"/>
      <protection hidden="1"/>
    </xf>
    <xf numFmtId="0" fontId="10" fillId="0" borderId="12" xfId="0" applyFont="1" applyBorder="1" applyAlignment="1" applyProtection="1">
      <alignment horizontal="left" vertical="center"/>
      <protection hidden="1"/>
    </xf>
    <xf numFmtId="0" fontId="16" fillId="2" borderId="8" xfId="1" applyFont="1" applyBorder="1" applyAlignment="1">
      <alignment horizontal="left" vertical="top" wrapText="1"/>
      <protection locked="0"/>
    </xf>
    <xf numFmtId="0" fontId="16" fillId="2" borderId="3" xfId="1" applyFont="1" applyAlignment="1">
      <alignment horizontal="left" vertical="top" wrapText="1"/>
      <protection locked="0"/>
    </xf>
    <xf numFmtId="0" fontId="16" fillId="2" borderId="9" xfId="1" applyFont="1" applyBorder="1" applyAlignment="1">
      <alignment horizontal="left" vertical="top" wrapText="1"/>
      <protection locked="0"/>
    </xf>
    <xf numFmtId="0" fontId="10" fillId="0" borderId="72" xfId="0" applyFont="1" applyBorder="1" applyAlignment="1" applyProtection="1">
      <alignment horizontal="left"/>
      <protection hidden="1"/>
    </xf>
    <xf numFmtId="0" fontId="10" fillId="0" borderId="73" xfId="0" applyFont="1" applyBorder="1" applyAlignment="1" applyProtection="1">
      <alignment horizontal="left"/>
      <protection hidden="1"/>
    </xf>
    <xf numFmtId="0" fontId="10" fillId="0" borderId="74" xfId="0" applyFont="1" applyBorder="1" applyAlignment="1" applyProtection="1">
      <alignment horizontal="left"/>
      <protection hidden="1"/>
    </xf>
    <xf numFmtId="0" fontId="32" fillId="0" borderId="25" xfId="0" applyFont="1" applyBorder="1" applyAlignment="1">
      <alignment horizontal="left" vertical="center" wrapText="1"/>
    </xf>
    <xf numFmtId="0" fontId="0" fillId="0" borderId="16" xfId="0" applyBorder="1" applyAlignment="1">
      <alignment horizontal="left" vertical="center"/>
    </xf>
    <xf numFmtId="0" fontId="5" fillId="2" borderId="3" xfId="1" applyAlignment="1">
      <alignment horizontal="left" vertical="top" wrapText="1"/>
      <protection locked="0"/>
    </xf>
    <xf numFmtId="0" fontId="5" fillId="2" borderId="9" xfId="1" applyBorder="1" applyAlignment="1">
      <alignment horizontal="left" vertical="top" wrapText="1"/>
      <protection locked="0"/>
    </xf>
    <xf numFmtId="0" fontId="32" fillId="0" borderId="72" xfId="0" applyFont="1" applyBorder="1" applyAlignment="1">
      <alignment horizontal="left" vertical="center" wrapText="1"/>
    </xf>
    <xf numFmtId="0" fontId="0" fillId="0" borderId="88" xfId="0" applyBorder="1" applyAlignment="1">
      <alignment horizontal="left" vertical="center"/>
    </xf>
    <xf numFmtId="0" fontId="5" fillId="2" borderId="40" xfId="1" applyBorder="1" applyAlignment="1">
      <alignment horizontal="left" vertical="top" wrapText="1"/>
      <protection locked="0"/>
    </xf>
    <xf numFmtId="0" fontId="5" fillId="2" borderId="52" xfId="1" applyBorder="1" applyAlignment="1">
      <alignment horizontal="left" vertical="top" wrapText="1"/>
      <protection locked="0"/>
    </xf>
    <xf numFmtId="0" fontId="27" fillId="0" borderId="27" xfId="0" applyFont="1" applyBorder="1" applyAlignment="1">
      <alignment horizontal="center"/>
    </xf>
    <xf numFmtId="0" fontId="0" fillId="0" borderId="28" xfId="0" applyBorder="1" applyAlignment="1">
      <alignment horizontal="center"/>
    </xf>
    <xf numFmtId="0" fontId="0" fillId="0" borderId="29" xfId="0" applyBorder="1" applyAlignment="1">
      <alignment horizontal="center"/>
    </xf>
    <xf numFmtId="0" fontId="13" fillId="0" borderId="35" xfId="0" applyFont="1" applyBorder="1" applyAlignment="1">
      <alignment horizontal="center" vertical="center"/>
    </xf>
    <xf numFmtId="0" fontId="13" fillId="0" borderId="34" xfId="0" applyFont="1" applyBorder="1" applyAlignment="1">
      <alignment horizontal="center" vertical="center"/>
    </xf>
    <xf numFmtId="0" fontId="13" fillId="0" borderId="33" xfId="0" applyFont="1" applyBorder="1" applyAlignment="1">
      <alignment horizontal="center" vertical="center"/>
    </xf>
    <xf numFmtId="0" fontId="0" fillId="0" borderId="20" xfId="0" applyBorder="1" applyAlignment="1">
      <alignment horizontal="center"/>
    </xf>
    <xf numFmtId="0" fontId="0" fillId="0" borderId="21" xfId="0" applyBorder="1" applyAlignment="1">
      <alignment horizontal="center"/>
    </xf>
    <xf numFmtId="0" fontId="0" fillId="0" borderId="22" xfId="0" applyBorder="1" applyAlignment="1">
      <alignment horizontal="center"/>
    </xf>
    <xf numFmtId="165" fontId="29" fillId="3" borderId="30" xfId="4" applyNumberFormat="1" applyBorder="1" applyAlignment="1" applyProtection="1">
      <alignment horizontal="center" vertical="top" wrapText="1"/>
      <protection hidden="1"/>
    </xf>
    <xf numFmtId="165" fontId="29" fillId="3" borderId="23" xfId="4" applyNumberFormat="1" applyAlignment="1" applyProtection="1">
      <alignment horizontal="center" vertical="top" wrapText="1"/>
      <protection hidden="1"/>
    </xf>
    <xf numFmtId="165" fontId="29" fillId="3" borderId="31" xfId="4" applyNumberFormat="1" applyBorder="1" applyAlignment="1" applyProtection="1">
      <alignment horizontal="center" vertical="top" wrapText="1"/>
      <protection hidden="1"/>
    </xf>
    <xf numFmtId="0" fontId="0" fillId="0" borderId="6" xfId="0" applyBorder="1" applyAlignment="1">
      <alignment horizontal="left" wrapText="1"/>
    </xf>
    <xf numFmtId="0" fontId="0" fillId="0" borderId="0" xfId="0" applyAlignment="1">
      <alignment horizontal="left"/>
    </xf>
    <xf numFmtId="0" fontId="0" fillId="0" borderId="7" xfId="0" applyBorder="1" applyAlignment="1">
      <alignment horizontal="left"/>
    </xf>
    <xf numFmtId="0" fontId="28" fillId="0" borderId="6" xfId="0" applyFont="1" applyBorder="1" applyAlignment="1">
      <alignment horizontal="left"/>
    </xf>
    <xf numFmtId="0" fontId="28" fillId="0" borderId="0" xfId="0" applyFont="1" applyAlignment="1">
      <alignment horizontal="left"/>
    </xf>
    <xf numFmtId="0" fontId="28" fillId="0" borderId="7" xfId="0" applyFont="1" applyBorder="1" applyAlignment="1">
      <alignment horizontal="left"/>
    </xf>
    <xf numFmtId="0" fontId="1" fillId="0" borderId="25" xfId="0" applyFont="1" applyBorder="1" applyAlignment="1">
      <alignment horizontal="center" vertical="center"/>
    </xf>
    <xf numFmtId="0" fontId="1" fillId="0" borderId="16" xfId="0" applyFont="1" applyBorder="1" applyAlignment="1">
      <alignment horizontal="center" vertical="center"/>
    </xf>
    <xf numFmtId="0" fontId="31" fillId="0" borderId="16" xfId="0" applyFont="1" applyBorder="1" applyAlignment="1">
      <alignment horizontal="center" vertical="center" wrapText="1"/>
    </xf>
    <xf numFmtId="0" fontId="0" fillId="0" borderId="16" xfId="0" applyBorder="1" applyAlignment="1">
      <alignment horizontal="center" vertical="center"/>
    </xf>
    <xf numFmtId="0" fontId="1" fillId="0" borderId="16" xfId="0" applyFont="1" applyBorder="1" applyAlignment="1">
      <alignment horizontal="center" vertical="center" wrapText="1"/>
    </xf>
    <xf numFmtId="0" fontId="0" fillId="0" borderId="26" xfId="0" applyBorder="1" applyAlignment="1">
      <alignment horizontal="center" vertical="center"/>
    </xf>
    <xf numFmtId="0" fontId="28" fillId="0" borderId="87" xfId="0" applyFont="1" applyBorder="1" applyAlignment="1">
      <alignment horizontal="left" wrapText="1"/>
    </xf>
    <xf numFmtId="0" fontId="28" fillId="0" borderId="42" xfId="0" applyFont="1" applyBorder="1" applyAlignment="1">
      <alignment horizontal="left" wrapText="1"/>
    </xf>
    <xf numFmtId="0" fontId="28" fillId="0" borderId="51" xfId="0" applyFont="1" applyBorder="1" applyAlignment="1">
      <alignment horizontal="left" wrapText="1"/>
    </xf>
    <xf numFmtId="0" fontId="5" fillId="2" borderId="35" xfId="1" applyBorder="1" applyAlignment="1">
      <alignment horizontal="left" vertical="top" wrapText="1"/>
      <protection locked="0"/>
    </xf>
    <xf numFmtId="0" fontId="5" fillId="2" borderId="34" xfId="1" applyBorder="1" applyAlignment="1">
      <alignment horizontal="left" vertical="top" wrapText="1"/>
      <protection locked="0"/>
    </xf>
    <xf numFmtId="0" fontId="5" fillId="2" borderId="33" xfId="1" applyBorder="1" applyAlignment="1">
      <alignment horizontal="left" vertical="top" wrapText="1"/>
      <protection locked="0"/>
    </xf>
    <xf numFmtId="0" fontId="1" fillId="0" borderId="72" xfId="0" applyFont="1" applyBorder="1" applyAlignment="1">
      <alignment horizontal="center" vertical="center"/>
    </xf>
    <xf numFmtId="0" fontId="1" fillId="0" borderId="88" xfId="0" applyFont="1" applyBorder="1" applyAlignment="1">
      <alignment horizontal="center" vertical="center"/>
    </xf>
    <xf numFmtId="0" fontId="28" fillId="0" borderId="87" xfId="0" applyFont="1" applyBorder="1" applyAlignment="1">
      <alignment horizontal="left"/>
    </xf>
    <xf numFmtId="0" fontId="28" fillId="0" borderId="42" xfId="0" applyFont="1" applyBorder="1" applyAlignment="1">
      <alignment horizontal="left"/>
    </xf>
    <xf numFmtId="0" fontId="28" fillId="0" borderId="51" xfId="0" applyFont="1" applyBorder="1" applyAlignment="1">
      <alignment horizontal="left"/>
    </xf>
    <xf numFmtId="0" fontId="5" fillId="2" borderId="79" xfId="1" applyBorder="1" applyAlignment="1">
      <alignment horizontal="left" wrapText="1"/>
      <protection locked="0"/>
    </xf>
    <xf numFmtId="0" fontId="5" fillId="2" borderId="73" xfId="1" applyBorder="1" applyAlignment="1">
      <alignment horizontal="left" wrapText="1"/>
      <protection locked="0"/>
    </xf>
    <xf numFmtId="0" fontId="5" fillId="2" borderId="74" xfId="1" applyBorder="1" applyAlignment="1">
      <alignment horizontal="left" wrapText="1"/>
      <protection locked="0"/>
    </xf>
    <xf numFmtId="0" fontId="5" fillId="2" borderId="90" xfId="1" applyBorder="1" applyAlignment="1">
      <alignment horizontal="left" wrapText="1"/>
      <protection locked="0"/>
    </xf>
    <xf numFmtId="0" fontId="5" fillId="2" borderId="34" xfId="1" applyBorder="1" applyAlignment="1">
      <alignment horizontal="left" wrapText="1"/>
      <protection locked="0"/>
    </xf>
    <xf numFmtId="0" fontId="5" fillId="2" borderId="33" xfId="1" applyBorder="1" applyAlignment="1">
      <alignment horizontal="left" wrapText="1"/>
      <protection locked="0"/>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4" fillId="0" borderId="2" xfId="0" applyFont="1" applyBorder="1" applyAlignment="1">
      <alignment horizontal="center" vertical="center"/>
    </xf>
    <xf numFmtId="0" fontId="14" fillId="0" borderId="6" xfId="0" applyFont="1" applyBorder="1" applyAlignment="1">
      <alignment horizontal="center" vertical="center"/>
    </xf>
    <xf numFmtId="0" fontId="14" fillId="0" borderId="0" xfId="0" applyFont="1" applyAlignment="1">
      <alignment horizontal="center" vertical="center"/>
    </xf>
    <xf numFmtId="0" fontId="14" fillId="0" borderId="7" xfId="0" applyFont="1" applyBorder="1" applyAlignment="1">
      <alignment horizontal="center" vertical="center"/>
    </xf>
    <xf numFmtId="0" fontId="19" fillId="4" borderId="6" xfId="0" quotePrefix="1" applyFont="1" applyFill="1" applyBorder="1" applyAlignment="1">
      <alignment horizontal="left" vertical="top" wrapText="1"/>
    </xf>
    <xf numFmtId="0" fontId="19" fillId="4" borderId="0" xfId="0" applyFont="1" applyFill="1" applyAlignment="1">
      <alignment horizontal="left" vertical="top" wrapText="1"/>
    </xf>
    <xf numFmtId="0" fontId="19" fillId="4" borderId="7" xfId="0" applyFont="1" applyFill="1" applyBorder="1" applyAlignment="1">
      <alignment horizontal="left" vertical="top" wrapText="1"/>
    </xf>
    <xf numFmtId="0" fontId="38" fillId="4" borderId="17" xfId="3" quotePrefix="1" applyFont="1" applyFill="1" applyBorder="1" applyAlignment="1" applyProtection="1">
      <alignment horizontal="left" vertical="top" wrapText="1"/>
    </xf>
    <xf numFmtId="0" fontId="38" fillId="4" borderId="1" xfId="3" applyFont="1" applyFill="1" applyBorder="1" applyAlignment="1" applyProtection="1">
      <alignment horizontal="left" vertical="top" wrapText="1"/>
    </xf>
    <xf numFmtId="0" fontId="38" fillId="4" borderId="18" xfId="3" applyFont="1" applyFill="1" applyBorder="1" applyAlignment="1" applyProtection="1">
      <alignment horizontal="left" vertical="top" wrapText="1"/>
    </xf>
    <xf numFmtId="0" fontId="5" fillId="2" borderId="16" xfId="1" applyBorder="1" applyAlignment="1">
      <alignment horizontal="left"/>
      <protection locked="0"/>
    </xf>
    <xf numFmtId="0" fontId="5" fillId="2" borderId="26" xfId="1" applyBorder="1" applyAlignment="1">
      <alignment horizontal="left"/>
      <protection locked="0"/>
    </xf>
    <xf numFmtId="49" fontId="5" fillId="2" borderId="79" xfId="1" applyNumberFormat="1" applyBorder="1" applyAlignment="1">
      <alignment horizontal="left"/>
      <protection locked="0"/>
    </xf>
    <xf numFmtId="49" fontId="5" fillId="2" borderId="73" xfId="1" applyNumberFormat="1" applyBorder="1" applyAlignment="1">
      <alignment horizontal="left"/>
      <protection locked="0"/>
    </xf>
    <xf numFmtId="49" fontId="5" fillId="2" borderId="74" xfId="1" applyNumberFormat="1" applyBorder="1" applyAlignment="1">
      <alignment horizontal="left"/>
      <protection locked="0"/>
    </xf>
    <xf numFmtId="0" fontId="5" fillId="2" borderId="79" xfId="1" applyBorder="1" applyAlignment="1">
      <alignment horizontal="left"/>
      <protection locked="0"/>
    </xf>
    <xf numFmtId="0" fontId="5" fillId="2" borderId="73" xfId="1" applyBorder="1" applyAlignment="1">
      <alignment horizontal="left"/>
      <protection locked="0"/>
    </xf>
    <xf numFmtId="0" fontId="5" fillId="2" borderId="74" xfId="1" applyBorder="1" applyAlignment="1">
      <alignment horizontal="left"/>
      <protection locked="0"/>
    </xf>
    <xf numFmtId="0" fontId="0" fillId="0" borderId="79" xfId="0" applyBorder="1"/>
    <xf numFmtId="0" fontId="0" fillId="0" borderId="73" xfId="0" applyBorder="1"/>
    <xf numFmtId="0" fontId="0" fillId="0" borderId="74" xfId="0" applyBorder="1"/>
  </cellXfs>
  <cellStyles count="7">
    <cellStyle name="Calculation" xfId="2" builtinId="22" customBuiltin="1"/>
    <cellStyle name="Explanatory Text" xfId="6" builtinId="53"/>
    <cellStyle name="Hyperlink" xfId="3" builtinId="8"/>
    <cellStyle name="Input" xfId="1" builtinId="20" customBuiltin="1"/>
    <cellStyle name="Normal" xfId="0" builtinId="0"/>
    <cellStyle name="Note" xfId="5" builtinId="10"/>
    <cellStyle name="Output" xfId="4" builtinId="2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 Id="rId14"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dtudk-my.sharepoint.com/Users/otisk/Desktop/Work/Temporary/SoP/template_edited.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O:\AUS\Public\adm-aus-mscadmissions\MSc\Mandatory_Templates_2022\Template_sampl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PA"/>
      <sheetName val="SOP"/>
      <sheetName val="Pre-mapping"/>
      <sheetName val="English"/>
      <sheetName val="Countries"/>
    </sheetNames>
    <sheetDataSet>
      <sheetData sheetId="0"/>
      <sheetData sheetId="1"/>
      <sheetData sheetId="2"/>
      <sheetData sheetId="3"/>
      <sheetData sheetId="4">
        <row r="2">
          <cell r="D2" t="str">
            <v>AD - Andorra</v>
          </cell>
        </row>
        <row r="3">
          <cell r="D3" t="str">
            <v>AE - United Arab Emirates</v>
          </cell>
        </row>
        <row r="4">
          <cell r="D4" t="str">
            <v>AF - Afghanistan</v>
          </cell>
        </row>
        <row r="5">
          <cell r="D5" t="str">
            <v>AG - Antigua and Barbuda</v>
          </cell>
        </row>
        <row r="6">
          <cell r="D6" t="str">
            <v>AI - Anguilla</v>
          </cell>
        </row>
        <row r="7">
          <cell r="D7" t="str">
            <v>AL - Albania</v>
          </cell>
        </row>
        <row r="8">
          <cell r="D8" t="str">
            <v>AM - Armenia</v>
          </cell>
        </row>
        <row r="9">
          <cell r="D9" t="str">
            <v>AO - Angola</v>
          </cell>
        </row>
        <row r="10">
          <cell r="D10" t="str">
            <v>AQ - Antarctica</v>
          </cell>
        </row>
        <row r="11">
          <cell r="D11" t="str">
            <v>AR - Argentina</v>
          </cell>
        </row>
        <row r="12">
          <cell r="D12" t="str">
            <v>AS - American Samoa</v>
          </cell>
        </row>
        <row r="13">
          <cell r="D13" t="str">
            <v>AT - Austria</v>
          </cell>
        </row>
        <row r="14">
          <cell r="D14" t="str">
            <v>AU - Australia</v>
          </cell>
        </row>
        <row r="15">
          <cell r="D15" t="str">
            <v>AW - Aruba</v>
          </cell>
        </row>
        <row r="16">
          <cell r="D16" t="str">
            <v>AX - Åland Islands</v>
          </cell>
        </row>
        <row r="17">
          <cell r="D17" t="str">
            <v>AZ - Azerbaijan</v>
          </cell>
        </row>
        <row r="18">
          <cell r="D18" t="str">
            <v>BA - Bosnia and Herzegovina</v>
          </cell>
        </row>
        <row r="19">
          <cell r="D19" t="str">
            <v>BB - Barbados</v>
          </cell>
        </row>
        <row r="20">
          <cell r="D20" t="str">
            <v>BD - Bangladesh</v>
          </cell>
        </row>
        <row r="21">
          <cell r="D21" t="str">
            <v>BE - Belgium</v>
          </cell>
        </row>
        <row r="22">
          <cell r="D22" t="str">
            <v>BF - Burkina Faso</v>
          </cell>
        </row>
        <row r="23">
          <cell r="D23" t="str">
            <v>BG - Bulgaria</v>
          </cell>
        </row>
        <row r="24">
          <cell r="D24" t="str">
            <v>BH - Bahrain</v>
          </cell>
        </row>
        <row r="25">
          <cell r="D25" t="str">
            <v>BI - Burundi</v>
          </cell>
        </row>
        <row r="26">
          <cell r="D26" t="str">
            <v>BJ - Benin</v>
          </cell>
        </row>
        <row r="27">
          <cell r="D27" t="str">
            <v>BL - Saint Barthélemy</v>
          </cell>
        </row>
        <row r="28">
          <cell r="D28" t="str">
            <v>BM - Bermuda</v>
          </cell>
        </row>
        <row r="29">
          <cell r="D29" t="str">
            <v>BN - Brunei Darussalam</v>
          </cell>
        </row>
        <row r="30">
          <cell r="D30" t="str">
            <v>BO - Bolivia (Plurinational State of)</v>
          </cell>
        </row>
        <row r="31">
          <cell r="D31" t="str">
            <v>BQ - Bonaire, Sint Eustatius and Saba</v>
          </cell>
        </row>
        <row r="32">
          <cell r="D32" t="str">
            <v>BR - Brazil</v>
          </cell>
        </row>
        <row r="33">
          <cell r="D33" t="str">
            <v>BS - Bahamas</v>
          </cell>
        </row>
        <row r="34">
          <cell r="D34" t="str">
            <v>BT - Bhutan</v>
          </cell>
        </row>
        <row r="35">
          <cell r="D35" t="str">
            <v>BV - Bouvet Island</v>
          </cell>
        </row>
        <row r="36">
          <cell r="D36" t="str">
            <v>BW - Botswana</v>
          </cell>
        </row>
        <row r="37">
          <cell r="D37" t="str">
            <v>BY - Belarus</v>
          </cell>
        </row>
        <row r="38">
          <cell r="D38" t="str">
            <v>BZ - Belize</v>
          </cell>
        </row>
        <row r="39">
          <cell r="D39" t="str">
            <v>CA - Canada</v>
          </cell>
        </row>
        <row r="40">
          <cell r="D40" t="str">
            <v>CC - Cocos (Keeling) Islands</v>
          </cell>
        </row>
        <row r="41">
          <cell r="D41" t="str">
            <v>CD - Congo, Democratic Republic of the</v>
          </cell>
        </row>
        <row r="42">
          <cell r="D42" t="str">
            <v>CF - Central African Republic</v>
          </cell>
        </row>
        <row r="43">
          <cell r="D43" t="str">
            <v>CG - Congo</v>
          </cell>
        </row>
        <row r="44">
          <cell r="D44" t="str">
            <v>CH - Switzerland</v>
          </cell>
        </row>
        <row r="45">
          <cell r="D45" t="str">
            <v>CI - Côte d'Ivoire</v>
          </cell>
        </row>
        <row r="46">
          <cell r="D46" t="str">
            <v>CK - Cook Islands</v>
          </cell>
        </row>
        <row r="47">
          <cell r="D47" t="str">
            <v>CL - Chile</v>
          </cell>
        </row>
        <row r="48">
          <cell r="D48" t="str">
            <v>CM - Cameroon</v>
          </cell>
        </row>
        <row r="49">
          <cell r="D49" t="str">
            <v>CN - China</v>
          </cell>
        </row>
        <row r="50">
          <cell r="D50" t="str">
            <v>CO - Colombia</v>
          </cell>
        </row>
        <row r="51">
          <cell r="D51" t="str">
            <v>CR - Costa Rica</v>
          </cell>
        </row>
        <row r="52">
          <cell r="D52" t="str">
            <v>CU - Cuba</v>
          </cell>
        </row>
        <row r="53">
          <cell r="D53" t="str">
            <v>CV - Cabo Verde</v>
          </cell>
        </row>
        <row r="54">
          <cell r="D54" t="str">
            <v>CW - Curaçao</v>
          </cell>
        </row>
        <row r="55">
          <cell r="D55" t="str">
            <v>CX - Christmas Island</v>
          </cell>
        </row>
        <row r="56">
          <cell r="D56" t="str">
            <v>CY - Cyprus</v>
          </cell>
        </row>
        <row r="57">
          <cell r="D57" t="str">
            <v>CZ - Czechia</v>
          </cell>
        </row>
        <row r="58">
          <cell r="D58" t="str">
            <v>DE - Germany</v>
          </cell>
        </row>
        <row r="59">
          <cell r="D59" t="str">
            <v>DJ - Djibouti</v>
          </cell>
        </row>
        <row r="60">
          <cell r="D60" t="str">
            <v>DK - Denmark</v>
          </cell>
        </row>
        <row r="61">
          <cell r="D61" t="str">
            <v>DM - Dominica</v>
          </cell>
        </row>
        <row r="62">
          <cell r="D62" t="str">
            <v>DO - Dominican Republic</v>
          </cell>
        </row>
        <row r="63">
          <cell r="D63" t="str">
            <v>DZ - Algeria</v>
          </cell>
        </row>
        <row r="64">
          <cell r="D64" t="str">
            <v>EC - Ecuador</v>
          </cell>
        </row>
        <row r="65">
          <cell r="D65" t="str">
            <v>EE - Estonia</v>
          </cell>
        </row>
        <row r="66">
          <cell r="D66" t="str">
            <v>EG - Egypt</v>
          </cell>
        </row>
        <row r="67">
          <cell r="D67" t="str">
            <v>EH - Western Sahara</v>
          </cell>
        </row>
        <row r="68">
          <cell r="D68" t="str">
            <v>ER - Eritrea</v>
          </cell>
        </row>
        <row r="69">
          <cell r="D69" t="str">
            <v>ES - Spain</v>
          </cell>
        </row>
        <row r="70">
          <cell r="D70" t="str">
            <v>ET - Ethiopia</v>
          </cell>
        </row>
        <row r="71">
          <cell r="D71" t="str">
            <v>FI - Finland</v>
          </cell>
        </row>
        <row r="72">
          <cell r="D72" t="str">
            <v>FJ - Fiji</v>
          </cell>
        </row>
        <row r="73">
          <cell r="D73" t="str">
            <v>FK - Falkland Islands (Malvinas)</v>
          </cell>
        </row>
        <row r="74">
          <cell r="D74" t="str">
            <v>FM - Micronesia (Federated States of)</v>
          </cell>
        </row>
        <row r="75">
          <cell r="D75" t="str">
            <v>FO - Faroe Islands</v>
          </cell>
        </row>
        <row r="76">
          <cell r="D76" t="str">
            <v>FR - France</v>
          </cell>
        </row>
        <row r="77">
          <cell r="D77" t="str">
            <v>GA - Gabon</v>
          </cell>
        </row>
        <row r="78">
          <cell r="D78" t="str">
            <v>GB - United Kingdom of Great Britain and Northern Ireland</v>
          </cell>
        </row>
        <row r="79">
          <cell r="D79" t="str">
            <v>GD - Grenada</v>
          </cell>
        </row>
        <row r="80">
          <cell r="D80" t="str">
            <v>GE - Georgia</v>
          </cell>
        </row>
        <row r="81">
          <cell r="D81" t="str">
            <v>GF - French Guiana</v>
          </cell>
        </row>
        <row r="82">
          <cell r="D82" t="str">
            <v>GG - Guernsey</v>
          </cell>
        </row>
        <row r="83">
          <cell r="D83" t="str">
            <v>GH - Ghana</v>
          </cell>
        </row>
        <row r="84">
          <cell r="D84" t="str">
            <v>GI - Gibraltar</v>
          </cell>
        </row>
        <row r="85">
          <cell r="D85" t="str">
            <v>GL - Greenland</v>
          </cell>
        </row>
        <row r="86">
          <cell r="D86" t="str">
            <v>GM - Gambia</v>
          </cell>
        </row>
        <row r="87">
          <cell r="D87" t="str">
            <v>GN - Guinea</v>
          </cell>
        </row>
        <row r="88">
          <cell r="D88" t="str">
            <v>GP - Guadeloupe</v>
          </cell>
        </row>
        <row r="89">
          <cell r="D89" t="str">
            <v>GQ - Equatorial Guinea</v>
          </cell>
        </row>
        <row r="90">
          <cell r="D90" t="str">
            <v>GR - Greece</v>
          </cell>
        </row>
        <row r="91">
          <cell r="D91" t="str">
            <v>GS - South Georgia and the South Sandwich Islands</v>
          </cell>
        </row>
        <row r="92">
          <cell r="D92" t="str">
            <v>GT - Guatemala</v>
          </cell>
        </row>
        <row r="93">
          <cell r="D93" t="str">
            <v>GU - Guam</v>
          </cell>
        </row>
        <row r="94">
          <cell r="D94" t="str">
            <v>GW - Guinea-Bissau</v>
          </cell>
        </row>
        <row r="95">
          <cell r="D95" t="str">
            <v>GY - Guyana</v>
          </cell>
        </row>
        <row r="96">
          <cell r="D96" t="str">
            <v>HK - Hong Kong</v>
          </cell>
        </row>
        <row r="97">
          <cell r="D97" t="str">
            <v>HM - Heard Island and McDonald Islands</v>
          </cell>
        </row>
        <row r="98">
          <cell r="D98" t="str">
            <v>HN - Honduras</v>
          </cell>
        </row>
        <row r="99">
          <cell r="D99" t="str">
            <v>HR - Croatia</v>
          </cell>
        </row>
        <row r="100">
          <cell r="D100" t="str">
            <v>HT - Haiti</v>
          </cell>
        </row>
        <row r="101">
          <cell r="D101" t="str">
            <v>HU - Hungary</v>
          </cell>
        </row>
        <row r="102">
          <cell r="D102" t="str">
            <v>ID - Indonesia</v>
          </cell>
        </row>
        <row r="103">
          <cell r="D103" t="str">
            <v>IE - Ireland</v>
          </cell>
        </row>
        <row r="104">
          <cell r="D104" t="str">
            <v>IL - Israel</v>
          </cell>
        </row>
        <row r="105">
          <cell r="D105" t="str">
            <v>IM - Isle of Man</v>
          </cell>
        </row>
        <row r="106">
          <cell r="D106" t="str">
            <v>IN - India</v>
          </cell>
        </row>
        <row r="107">
          <cell r="D107" t="str">
            <v>IO - British Indian Ocean Territory</v>
          </cell>
        </row>
        <row r="108">
          <cell r="D108" t="str">
            <v>IQ - Iraq</v>
          </cell>
        </row>
        <row r="109">
          <cell r="D109" t="str">
            <v>IR - Iran (Islamic Republic of)</v>
          </cell>
        </row>
        <row r="110">
          <cell r="D110" t="str">
            <v>IS - Iceland</v>
          </cell>
        </row>
        <row r="111">
          <cell r="D111" t="str">
            <v>IT - Italy</v>
          </cell>
        </row>
        <row r="112">
          <cell r="D112" t="str">
            <v>JE - Jersey</v>
          </cell>
        </row>
        <row r="113">
          <cell r="D113" t="str">
            <v>JM - Jamaica</v>
          </cell>
        </row>
        <row r="114">
          <cell r="D114" t="str">
            <v>JO - Jordan</v>
          </cell>
        </row>
        <row r="115">
          <cell r="D115" t="str">
            <v>JP - Japan</v>
          </cell>
        </row>
        <row r="116">
          <cell r="D116" t="str">
            <v>KE - Kenya</v>
          </cell>
        </row>
        <row r="117">
          <cell r="D117" t="str">
            <v>KG - Kyrgyzstan</v>
          </cell>
        </row>
        <row r="118">
          <cell r="D118" t="str">
            <v>KH - Cambodia</v>
          </cell>
        </row>
        <row r="119">
          <cell r="D119" t="str">
            <v>KI - Kiribati</v>
          </cell>
        </row>
        <row r="120">
          <cell r="D120" t="str">
            <v>KM - Comoros</v>
          </cell>
        </row>
        <row r="121">
          <cell r="D121" t="str">
            <v>KN - Saint Kitts and Nevis</v>
          </cell>
        </row>
        <row r="122">
          <cell r="D122" t="str">
            <v>KP - Korea (Democratic People's Republic of)</v>
          </cell>
        </row>
        <row r="123">
          <cell r="D123" t="str">
            <v>KR - Korea, Republic of</v>
          </cell>
        </row>
        <row r="124">
          <cell r="D124" t="str">
            <v>KW - Kuwait</v>
          </cell>
        </row>
        <row r="125">
          <cell r="D125" t="str">
            <v>KY - Cayman Islands</v>
          </cell>
        </row>
        <row r="126">
          <cell r="D126" t="str">
            <v>KZ - Kazakhstan</v>
          </cell>
        </row>
        <row r="127">
          <cell r="D127" t="str">
            <v>LA - Lao People's Democratic Republic</v>
          </cell>
        </row>
        <row r="128">
          <cell r="D128" t="str">
            <v>LB - Lebanon</v>
          </cell>
        </row>
        <row r="129">
          <cell r="D129" t="str">
            <v>LC - Saint Lucia</v>
          </cell>
        </row>
        <row r="130">
          <cell r="D130" t="str">
            <v>LI - Liechtenstein</v>
          </cell>
        </row>
        <row r="131">
          <cell r="D131" t="str">
            <v>LK - Sri Lanka</v>
          </cell>
        </row>
        <row r="132">
          <cell r="D132" t="str">
            <v>LR - Liberia</v>
          </cell>
        </row>
        <row r="133">
          <cell r="D133" t="str">
            <v>LS - Lesotho</v>
          </cell>
        </row>
        <row r="134">
          <cell r="D134" t="str">
            <v>LT - Lithuania</v>
          </cell>
        </row>
        <row r="135">
          <cell r="D135" t="str">
            <v>LU - Luxembourg</v>
          </cell>
        </row>
        <row r="136">
          <cell r="D136" t="str">
            <v>LV - Latvia</v>
          </cell>
        </row>
        <row r="137">
          <cell r="D137" t="str">
            <v>LY - Libya</v>
          </cell>
        </row>
        <row r="138">
          <cell r="D138" t="str">
            <v>MA - Morocco</v>
          </cell>
        </row>
        <row r="139">
          <cell r="D139" t="str">
            <v>MC - Monaco</v>
          </cell>
        </row>
        <row r="140">
          <cell r="D140" t="str">
            <v>MD - Moldova, Republic of</v>
          </cell>
        </row>
        <row r="141">
          <cell r="D141" t="str">
            <v>ME - Montenegro</v>
          </cell>
        </row>
        <row r="142">
          <cell r="D142" t="str">
            <v>MF - Saint Martin (French part)</v>
          </cell>
        </row>
        <row r="143">
          <cell r="D143" t="str">
            <v>MG - Madagascar</v>
          </cell>
        </row>
        <row r="144">
          <cell r="D144" t="str">
            <v>MH - Marshall Islands</v>
          </cell>
        </row>
        <row r="145">
          <cell r="D145" t="str">
            <v>MK - North Macedonia</v>
          </cell>
        </row>
        <row r="146">
          <cell r="D146" t="str">
            <v>ML - Mali</v>
          </cell>
        </row>
        <row r="147">
          <cell r="D147" t="str">
            <v>MM - Myanmar</v>
          </cell>
        </row>
        <row r="148">
          <cell r="D148" t="str">
            <v>MN - Mongolia</v>
          </cell>
        </row>
        <row r="149">
          <cell r="D149" t="str">
            <v>MO - Macao</v>
          </cell>
        </row>
        <row r="150">
          <cell r="D150" t="str">
            <v>MP - Northern Mariana Islands</v>
          </cell>
        </row>
        <row r="151">
          <cell r="D151" t="str">
            <v>MQ - Martinique</v>
          </cell>
        </row>
        <row r="152">
          <cell r="D152" t="str">
            <v>MR - Mauritania</v>
          </cell>
        </row>
        <row r="153">
          <cell r="D153" t="str">
            <v>MS - Montserrat</v>
          </cell>
        </row>
        <row r="154">
          <cell r="D154" t="str">
            <v>MT - Malta</v>
          </cell>
        </row>
        <row r="155">
          <cell r="D155" t="str">
            <v>MU - Mauritius</v>
          </cell>
        </row>
        <row r="156">
          <cell r="D156" t="str">
            <v>MV - Maldives</v>
          </cell>
        </row>
        <row r="157">
          <cell r="D157" t="str">
            <v>MW - Malawi</v>
          </cell>
        </row>
        <row r="158">
          <cell r="D158" t="str">
            <v>MX - Mexico</v>
          </cell>
        </row>
        <row r="159">
          <cell r="D159" t="str">
            <v>MY - Malaysia</v>
          </cell>
        </row>
        <row r="160">
          <cell r="D160" t="str">
            <v>MZ - Mozambique</v>
          </cell>
        </row>
        <row r="161">
          <cell r="D161" t="str">
            <v>NA - Namibia</v>
          </cell>
        </row>
        <row r="162">
          <cell r="D162" t="str">
            <v>NC - New Caledonia</v>
          </cell>
        </row>
        <row r="163">
          <cell r="D163" t="str">
            <v>NE - Niger</v>
          </cell>
        </row>
        <row r="164">
          <cell r="D164" t="str">
            <v>NF - Norfolk Island</v>
          </cell>
        </row>
        <row r="165">
          <cell r="D165" t="str">
            <v>NG - Nigeria</v>
          </cell>
        </row>
        <row r="166">
          <cell r="D166" t="str">
            <v>NI - Nicaragua</v>
          </cell>
        </row>
        <row r="167">
          <cell r="D167" t="str">
            <v>NL - Netherlands</v>
          </cell>
        </row>
        <row r="168">
          <cell r="D168" t="str">
            <v>NO - Norway</v>
          </cell>
        </row>
        <row r="169">
          <cell r="D169" t="str">
            <v>NP - Nepal</v>
          </cell>
        </row>
        <row r="170">
          <cell r="D170" t="str">
            <v>NR - Nauru</v>
          </cell>
        </row>
        <row r="171">
          <cell r="D171" t="str">
            <v>NU - Niue</v>
          </cell>
        </row>
        <row r="172">
          <cell r="D172" t="str">
            <v>NZ - New Zealand</v>
          </cell>
        </row>
        <row r="173">
          <cell r="D173" t="str">
            <v>OM - Oman</v>
          </cell>
        </row>
        <row r="174">
          <cell r="D174" t="str">
            <v>PA - Panama</v>
          </cell>
        </row>
        <row r="175">
          <cell r="D175" t="str">
            <v>PE - Peru</v>
          </cell>
        </row>
        <row r="176">
          <cell r="D176" t="str">
            <v>PF - French Polynesia</v>
          </cell>
        </row>
        <row r="177">
          <cell r="D177" t="str">
            <v>PG - Papua New Guinea</v>
          </cell>
        </row>
        <row r="178">
          <cell r="D178" t="str">
            <v>PH - Philippines</v>
          </cell>
        </row>
        <row r="179">
          <cell r="D179" t="str">
            <v>PK - Pakistan</v>
          </cell>
        </row>
        <row r="180">
          <cell r="D180" t="str">
            <v>PL - Poland</v>
          </cell>
        </row>
        <row r="181">
          <cell r="D181" t="str">
            <v>PM - Saint Pierre and Miquelon</v>
          </cell>
        </row>
        <row r="182">
          <cell r="D182" t="str">
            <v>PN - Pitcairn</v>
          </cell>
        </row>
        <row r="183">
          <cell r="D183" t="str">
            <v>PR - Puerto Rico</v>
          </cell>
        </row>
        <row r="184">
          <cell r="D184" t="str">
            <v>PS - Palestine, State of</v>
          </cell>
        </row>
        <row r="185">
          <cell r="D185" t="str">
            <v>PT - Portugal</v>
          </cell>
        </row>
        <row r="186">
          <cell r="D186" t="str">
            <v>PW - Palau</v>
          </cell>
        </row>
        <row r="187">
          <cell r="D187" t="str">
            <v>PY - Paraguay</v>
          </cell>
        </row>
        <row r="188">
          <cell r="D188" t="str">
            <v>QA - Qatar</v>
          </cell>
        </row>
        <row r="189">
          <cell r="D189" t="str">
            <v>RE - Réunion</v>
          </cell>
        </row>
        <row r="190">
          <cell r="D190" t="str">
            <v>RO - Romania</v>
          </cell>
        </row>
        <row r="191">
          <cell r="D191" t="str">
            <v>RS - Serbia</v>
          </cell>
        </row>
        <row r="192">
          <cell r="D192" t="str">
            <v>RU - Russian Federation</v>
          </cell>
        </row>
        <row r="193">
          <cell r="D193" t="str">
            <v>RW - Rwanda</v>
          </cell>
        </row>
        <row r="194">
          <cell r="D194" t="str">
            <v>SA - Saudi Arabia</v>
          </cell>
        </row>
        <row r="195">
          <cell r="D195" t="str">
            <v>SB - Solomon Islands</v>
          </cell>
        </row>
        <row r="196">
          <cell r="D196" t="str">
            <v>SC - Seychelles</v>
          </cell>
        </row>
        <row r="197">
          <cell r="D197" t="str">
            <v>SD - Sudan</v>
          </cell>
        </row>
        <row r="198">
          <cell r="D198" t="str">
            <v>SE - Sweden</v>
          </cell>
        </row>
        <row r="199">
          <cell r="D199" t="str">
            <v>SG - Singapore</v>
          </cell>
        </row>
        <row r="200">
          <cell r="D200" t="str">
            <v>SH - Saint Helena, Ascension and Tristan da Cunha</v>
          </cell>
        </row>
        <row r="201">
          <cell r="D201" t="str">
            <v>SI - Slovenia</v>
          </cell>
        </row>
        <row r="202">
          <cell r="D202" t="str">
            <v>SJ - Svalbard and Jan Mayen</v>
          </cell>
        </row>
        <row r="203">
          <cell r="D203" t="str">
            <v>SK - Slovakia</v>
          </cell>
        </row>
        <row r="204">
          <cell r="D204" t="str">
            <v>SL - Sierra Leone</v>
          </cell>
        </row>
        <row r="205">
          <cell r="D205" t="str">
            <v>SM - San Marino</v>
          </cell>
        </row>
        <row r="206">
          <cell r="D206" t="str">
            <v>SN - Senegal</v>
          </cell>
        </row>
        <row r="207">
          <cell r="D207" t="str">
            <v>SO - Somalia</v>
          </cell>
        </row>
        <row r="208">
          <cell r="D208" t="str">
            <v>SR - Suriname</v>
          </cell>
        </row>
        <row r="209">
          <cell r="D209" t="str">
            <v>SS - South Sudan</v>
          </cell>
        </row>
        <row r="210">
          <cell r="D210" t="str">
            <v>ST - Sao Tome and Principe</v>
          </cell>
        </row>
        <row r="211">
          <cell r="D211" t="str">
            <v>SV - El Salvador</v>
          </cell>
        </row>
        <row r="212">
          <cell r="D212" t="str">
            <v>SX - Sint Maarten (Dutch part)</v>
          </cell>
        </row>
        <row r="213">
          <cell r="D213" t="str">
            <v>SY - Syrian Arab Republic</v>
          </cell>
        </row>
        <row r="214">
          <cell r="D214" t="str">
            <v>SZ - Eswatini</v>
          </cell>
        </row>
        <row r="215">
          <cell r="D215" t="str">
            <v>TC - Turks and Caicos Islands</v>
          </cell>
        </row>
        <row r="216">
          <cell r="D216" t="str">
            <v>TD - Chad</v>
          </cell>
        </row>
        <row r="217">
          <cell r="D217" t="str">
            <v>TF - French Southern Territories</v>
          </cell>
        </row>
        <row r="218">
          <cell r="D218" t="str">
            <v>TG - Togo</v>
          </cell>
        </row>
        <row r="219">
          <cell r="D219" t="str">
            <v>TH - Thailand</v>
          </cell>
        </row>
        <row r="220">
          <cell r="D220" t="str">
            <v>TJ - Tajikistan</v>
          </cell>
        </row>
        <row r="221">
          <cell r="D221" t="str">
            <v>TK - Tokelau</v>
          </cell>
        </row>
        <row r="222">
          <cell r="D222" t="str">
            <v>TL - Timor-Leste</v>
          </cell>
        </row>
        <row r="223">
          <cell r="D223" t="str">
            <v>TM - Turkmenistan</v>
          </cell>
        </row>
        <row r="224">
          <cell r="D224" t="str">
            <v>TN - Tunisia</v>
          </cell>
        </row>
        <row r="225">
          <cell r="D225" t="str">
            <v>TO - Tonga</v>
          </cell>
        </row>
        <row r="226">
          <cell r="D226" t="str">
            <v>TR - Turkey</v>
          </cell>
        </row>
        <row r="227">
          <cell r="D227" t="str">
            <v>TT - Trinidad and Tobago</v>
          </cell>
        </row>
        <row r="228">
          <cell r="D228" t="str">
            <v>TV - Tuvalu</v>
          </cell>
        </row>
        <row r="229">
          <cell r="D229" t="str">
            <v>TW - Taiwan, Province of China</v>
          </cell>
        </row>
        <row r="230">
          <cell r="D230" t="str">
            <v>TZ - Tanzania, United Republic of</v>
          </cell>
        </row>
        <row r="231">
          <cell r="D231" t="str">
            <v>UA - Ukraine</v>
          </cell>
        </row>
        <row r="232">
          <cell r="D232" t="str">
            <v>UG - Uganda</v>
          </cell>
        </row>
        <row r="233">
          <cell r="D233" t="str">
            <v>UM - United States Minor Outlying Islands</v>
          </cell>
        </row>
        <row r="234">
          <cell r="D234" t="str">
            <v>US - United States of America</v>
          </cell>
        </row>
        <row r="235">
          <cell r="D235" t="str">
            <v>UY - Uruguay</v>
          </cell>
        </row>
        <row r="236">
          <cell r="D236" t="str">
            <v>UZ - Uzbekistan</v>
          </cell>
        </row>
        <row r="237">
          <cell r="D237" t="str">
            <v>VA - Holy See</v>
          </cell>
        </row>
        <row r="238">
          <cell r="D238" t="str">
            <v>VC - Saint Vincent and the Grenadines</v>
          </cell>
        </row>
        <row r="239">
          <cell r="D239" t="str">
            <v>VE - Venezuela (Bolivarian Republic of)</v>
          </cell>
        </row>
        <row r="240">
          <cell r="D240" t="str">
            <v>VG - Virgin Islands (British)</v>
          </cell>
        </row>
        <row r="241">
          <cell r="D241" t="str">
            <v>VI - Virgin Islands (U.S.)</v>
          </cell>
        </row>
        <row r="242">
          <cell r="D242" t="str">
            <v>VN - Viet Nam</v>
          </cell>
        </row>
        <row r="243">
          <cell r="D243" t="str">
            <v>VU - Vanuatu</v>
          </cell>
        </row>
        <row r="244">
          <cell r="D244" t="str">
            <v>WF - Wallis and Futuna</v>
          </cell>
        </row>
        <row r="245">
          <cell r="D245" t="str">
            <v>WS - Samoa</v>
          </cell>
        </row>
        <row r="246">
          <cell r="D246" t="str">
            <v>YE - Yemen</v>
          </cell>
        </row>
        <row r="247">
          <cell r="D247" t="str">
            <v>YT - Mayotte</v>
          </cell>
        </row>
        <row r="248">
          <cell r="D248" t="str">
            <v>ZA - South Africa</v>
          </cell>
        </row>
        <row r="249">
          <cell r="D249" t="str">
            <v>ZM - Zambia</v>
          </cell>
        </row>
        <row r="250">
          <cell r="D250" t="str">
            <v>ZW - Zimbabwe</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S156"/>
  <sheetViews>
    <sheetView showGridLines="0" tabSelected="1" zoomScale="66" zoomScaleNormal="100" workbookViewId="0">
      <selection activeCell="G37" sqref="G37"/>
    </sheetView>
  </sheetViews>
  <sheetFormatPr defaultColWidth="9.1796875" defaultRowHeight="14.5"/>
  <cols>
    <col min="1" max="1" width="55.1796875" style="9" bestFit="1" customWidth="1"/>
    <col min="2" max="2" width="11" style="9" customWidth="1"/>
    <col min="3" max="3" width="10.81640625" style="9" customWidth="1"/>
    <col min="4" max="5" width="19.36328125" style="9" customWidth="1"/>
    <col min="6" max="6" width="12.1796875" style="9" customWidth="1"/>
    <col min="7" max="7" width="61" style="9" customWidth="1"/>
    <col min="8" max="8" width="8.1796875" style="9" customWidth="1"/>
    <col min="9" max="11" width="9.1796875" style="9"/>
    <col min="12" max="12" width="39.453125" style="9" customWidth="1"/>
    <col min="13" max="13" width="0" style="9" hidden="1" customWidth="1"/>
    <col min="14" max="16384" width="9.1796875" style="9"/>
  </cols>
  <sheetData>
    <row r="1" spans="1:18" ht="15" customHeight="1">
      <c r="A1" s="130" t="str">
        <f>'Pre-mapping'!A2:J2 &amp; " (sheet 1 of 3)"</f>
        <v>Industrial Engineering and Management (sheet 1 of 3)</v>
      </c>
      <c r="B1" s="131"/>
      <c r="C1" s="131"/>
      <c r="D1" s="131"/>
      <c r="E1" s="131"/>
      <c r="F1" s="131"/>
      <c r="G1" s="131"/>
      <c r="H1" s="131"/>
      <c r="I1" s="131"/>
      <c r="J1" s="131"/>
      <c r="K1" s="132"/>
      <c r="L1" s="15"/>
      <c r="M1" s="9" t="s">
        <v>414</v>
      </c>
    </row>
    <row r="2" spans="1:18" ht="15" customHeight="1" thickBot="1">
      <c r="A2" s="133"/>
      <c r="B2" s="134"/>
      <c r="C2" s="134"/>
      <c r="D2" s="134"/>
      <c r="E2" s="134"/>
      <c r="F2" s="134"/>
      <c r="G2" s="134"/>
      <c r="H2" s="134"/>
      <c r="I2" s="134"/>
      <c r="J2" s="134"/>
      <c r="K2" s="135"/>
      <c r="L2" s="15"/>
      <c r="M2" s="9" t="s">
        <v>415</v>
      </c>
    </row>
    <row r="3" spans="1:18" ht="84" customHeight="1" thickBot="1">
      <c r="A3" s="136" t="s">
        <v>413</v>
      </c>
      <c r="B3" s="137"/>
      <c r="C3" s="137"/>
      <c r="D3" s="137"/>
      <c r="E3" s="137"/>
      <c r="F3" s="137"/>
      <c r="G3" s="137"/>
      <c r="H3" s="137"/>
      <c r="I3" s="137"/>
      <c r="J3" s="137"/>
      <c r="K3" s="138"/>
      <c r="L3" s="16"/>
      <c r="M3" s="9" t="s">
        <v>416</v>
      </c>
    </row>
    <row r="4" spans="1:18" ht="15.5">
      <c r="A4" s="25" t="s">
        <v>355</v>
      </c>
      <c r="B4" s="26"/>
      <c r="C4" s="26"/>
      <c r="D4" s="26"/>
      <c r="E4" s="26"/>
      <c r="F4" s="26"/>
      <c r="G4" s="26"/>
      <c r="H4" s="26"/>
      <c r="I4" s="26"/>
      <c r="J4" s="26"/>
      <c r="K4" s="38"/>
      <c r="L4" s="12"/>
      <c r="M4" s="9" t="s">
        <v>417</v>
      </c>
    </row>
    <row r="5" spans="1:18">
      <c r="A5" s="48" t="s">
        <v>268</v>
      </c>
      <c r="B5" s="139"/>
      <c r="C5" s="139"/>
      <c r="D5" s="139"/>
      <c r="E5" s="139"/>
      <c r="F5" s="139"/>
      <c r="G5" s="139"/>
      <c r="H5" s="139"/>
      <c r="I5" s="139"/>
      <c r="J5" s="139"/>
      <c r="K5" s="140"/>
      <c r="L5" s="2"/>
      <c r="M5" s="9" t="s">
        <v>418</v>
      </c>
    </row>
    <row r="6" spans="1:18">
      <c r="A6" s="48" t="s">
        <v>266</v>
      </c>
      <c r="B6" s="139"/>
      <c r="C6" s="139"/>
      <c r="D6" s="139"/>
      <c r="E6" s="139"/>
      <c r="F6" s="139"/>
      <c r="G6" s="139"/>
      <c r="H6" s="139"/>
      <c r="I6" s="139"/>
      <c r="J6" s="139"/>
      <c r="K6" s="140"/>
      <c r="L6" s="2"/>
    </row>
    <row r="7" spans="1:18">
      <c r="A7" s="28" t="s">
        <v>267</v>
      </c>
      <c r="B7" s="141"/>
      <c r="C7" s="141"/>
      <c r="D7" s="141"/>
      <c r="E7" s="141"/>
      <c r="F7" s="141"/>
      <c r="G7" s="141"/>
      <c r="H7" s="141"/>
      <c r="I7" s="141"/>
      <c r="J7" s="141"/>
      <c r="K7" s="142"/>
      <c r="L7" s="2"/>
    </row>
    <row r="8" spans="1:18">
      <c r="A8" s="8"/>
      <c r="K8" s="10"/>
    </row>
    <row r="9" spans="1:18">
      <c r="A9" s="51" t="s">
        <v>354</v>
      </c>
      <c r="B9" s="29"/>
      <c r="C9" s="29"/>
      <c r="D9" s="29"/>
      <c r="E9" s="29"/>
      <c r="F9" s="29"/>
      <c r="G9" s="29"/>
      <c r="H9" s="29"/>
      <c r="I9" s="29"/>
      <c r="J9" s="29"/>
      <c r="K9" s="36"/>
    </row>
    <row r="10" spans="1:18">
      <c r="A10" s="27" t="s">
        <v>261</v>
      </c>
      <c r="B10" s="139"/>
      <c r="C10" s="139"/>
      <c r="D10" s="139"/>
      <c r="E10" s="139"/>
      <c r="F10" s="139"/>
      <c r="G10" s="139"/>
      <c r="H10" s="139"/>
      <c r="I10" s="139"/>
      <c r="J10" s="139"/>
      <c r="K10" s="140"/>
      <c r="L10" s="2"/>
    </row>
    <row r="11" spans="1:18">
      <c r="A11" s="50" t="s">
        <v>419</v>
      </c>
      <c r="B11" s="147"/>
      <c r="C11" s="147"/>
      <c r="D11" s="147"/>
      <c r="E11" s="147"/>
      <c r="F11" s="147"/>
      <c r="G11" s="147"/>
      <c r="H11" s="147"/>
      <c r="I11" s="147"/>
      <c r="J11" s="147"/>
      <c r="K11" s="148"/>
      <c r="L11" s="2"/>
    </row>
    <row r="12" spans="1:18">
      <c r="A12" s="50" t="s">
        <v>269</v>
      </c>
      <c r="B12" s="49"/>
      <c r="C12" s="44"/>
      <c r="D12" s="45"/>
      <c r="E12" s="45"/>
      <c r="F12" s="46"/>
      <c r="G12" s="46"/>
      <c r="H12" s="45"/>
      <c r="I12" s="45"/>
      <c r="J12" s="45"/>
      <c r="K12" s="47"/>
    </row>
    <row r="13" spans="1:18">
      <c r="A13" s="28" t="s">
        <v>265</v>
      </c>
      <c r="B13" s="30"/>
      <c r="C13" s="31"/>
      <c r="D13" s="32"/>
      <c r="E13" s="32"/>
      <c r="F13" s="33"/>
      <c r="G13" s="33"/>
      <c r="H13" s="31"/>
      <c r="I13" s="32"/>
      <c r="J13" s="32"/>
      <c r="K13" s="35"/>
    </row>
    <row r="14" spans="1:18">
      <c r="A14" s="8"/>
      <c r="K14" s="10"/>
      <c r="R14" s="13"/>
    </row>
    <row r="15" spans="1:18">
      <c r="A15" s="52" t="s">
        <v>353</v>
      </c>
      <c r="B15" s="29"/>
      <c r="C15" s="39"/>
      <c r="D15" s="39"/>
      <c r="E15" s="39"/>
      <c r="F15" s="39"/>
      <c r="G15" s="39"/>
      <c r="H15" s="39"/>
      <c r="I15" s="39"/>
      <c r="J15" s="39"/>
      <c r="K15" s="40"/>
    </row>
    <row r="16" spans="1:18">
      <c r="A16" s="48" t="s">
        <v>262</v>
      </c>
      <c r="B16" s="20"/>
      <c r="C16" s="41"/>
      <c r="D16" s="42"/>
      <c r="E16" s="42"/>
      <c r="F16" s="43"/>
      <c r="G16" s="43"/>
      <c r="H16" s="42"/>
      <c r="I16" s="143" t="s">
        <v>356</v>
      </c>
      <c r="J16" s="143"/>
      <c r="K16" s="129" t="str">
        <f>IFERROR(IF(SUM(ISNUMBER(B24),ISNUMBER(C24),ISNUMBER(B25),ISNUMBER(C25),ISNUMBER(C26),ISNUMBER(B26))=6,SUMPRODUCT(B25:B104,C25:C104)/SUM(B25:B104)," ")," ")</f>
        <v xml:space="preserve"> </v>
      </c>
      <c r="L16" s="17" t="s">
        <v>349</v>
      </c>
    </row>
    <row r="17" spans="1:19">
      <c r="A17" s="27" t="s">
        <v>263</v>
      </c>
      <c r="B17" s="21"/>
      <c r="C17" s="41"/>
      <c r="D17" s="42"/>
      <c r="E17" s="42"/>
      <c r="F17" s="43"/>
      <c r="G17" s="43"/>
      <c r="H17" s="42"/>
      <c r="I17" s="143" t="s">
        <v>254</v>
      </c>
      <c r="J17" s="143"/>
      <c r="K17" s="129" t="str">
        <f>IF(ISNUMBER($K$16),IFERROR(IF(SUM(B25:B104)=0,0,SUMPRODUCT($B$25:$B$104,$C$25:$C$104)/SUM($B$25:$B$104)-$B$17)/($B$18-$B$17)*10+2," "),"")</f>
        <v/>
      </c>
      <c r="L17" s="14" t="s">
        <v>350</v>
      </c>
    </row>
    <row r="18" spans="1:19">
      <c r="A18" s="53" t="s">
        <v>264</v>
      </c>
      <c r="B18" s="30"/>
      <c r="C18" s="31"/>
      <c r="D18" s="32"/>
      <c r="E18" s="32"/>
      <c r="F18" s="33"/>
      <c r="G18" s="32"/>
      <c r="H18" s="33"/>
      <c r="I18" s="34"/>
      <c r="J18" s="34"/>
      <c r="K18" s="37"/>
      <c r="L18" s="14" t="s">
        <v>351</v>
      </c>
    </row>
    <row r="19" spans="1:19">
      <c r="A19" s="3"/>
      <c r="C19" s="2"/>
      <c r="F19" s="1"/>
      <c r="G19" s="1"/>
      <c r="H19" s="22"/>
      <c r="K19" s="10"/>
    </row>
    <row r="20" spans="1:19">
      <c r="A20" s="144" t="s">
        <v>352</v>
      </c>
      <c r="B20" s="145"/>
      <c r="C20" s="145"/>
      <c r="D20" s="145"/>
      <c r="E20" s="145"/>
      <c r="F20" s="145"/>
      <c r="G20" s="145"/>
      <c r="H20" s="145"/>
      <c r="I20" s="145"/>
      <c r="J20" s="145"/>
      <c r="K20" s="146"/>
    </row>
    <row r="21" spans="1:19" ht="39.5">
      <c r="A21" s="149" t="s">
        <v>412</v>
      </c>
      <c r="B21" s="128" t="s">
        <v>357</v>
      </c>
      <c r="C21" s="127" t="s">
        <v>358</v>
      </c>
      <c r="D21"/>
      <c r="E21"/>
      <c r="F21"/>
      <c r="G21" s="126"/>
      <c r="H21" s="125"/>
      <c r="I21" s="125"/>
      <c r="J21" s="125"/>
      <c r="K21" s="124"/>
    </row>
    <row r="22" spans="1:19">
      <c r="A22" s="150"/>
      <c r="B22" s="83"/>
      <c r="C22" s="123"/>
      <c r="D22"/>
      <c r="E22"/>
      <c r="F22"/>
      <c r="G22"/>
      <c r="H22"/>
      <c r="I22"/>
      <c r="J22"/>
      <c r="K22" s="18"/>
      <c r="L22"/>
      <c r="M22"/>
      <c r="N22"/>
      <c r="O22"/>
      <c r="P22"/>
      <c r="Q22"/>
      <c r="R22"/>
      <c r="S22"/>
    </row>
    <row r="23" spans="1:19" ht="15" customHeight="1" thickBot="1">
      <c r="A23" s="150"/>
      <c r="B23" s="122" t="s">
        <v>396</v>
      </c>
      <c r="C23" s="121" t="s">
        <v>252</v>
      </c>
      <c r="D23" s="151" t="s">
        <v>411</v>
      </c>
      <c r="E23" s="152"/>
      <c r="F23" s="120"/>
      <c r="G23" s="153" t="s">
        <v>410</v>
      </c>
      <c r="H23" s="154"/>
      <c r="I23" s="154"/>
      <c r="J23" s="154"/>
      <c r="K23" s="155"/>
      <c r="L23"/>
      <c r="M23"/>
      <c r="N23"/>
      <c r="O23"/>
      <c r="P23"/>
      <c r="Q23"/>
      <c r="R23"/>
      <c r="S23"/>
    </row>
    <row r="24" spans="1:19">
      <c r="A24" s="119" t="s">
        <v>397</v>
      </c>
      <c r="B24" s="118">
        <f>SUM(B25:B104,H25:H44)</f>
        <v>0</v>
      </c>
      <c r="C24" s="117">
        <f>IFERROR(AVERAGE(C25:C104),)</f>
        <v>0</v>
      </c>
      <c r="D24" s="156"/>
      <c r="E24" s="157"/>
      <c r="F24"/>
      <c r="G24" s="116" t="s">
        <v>409</v>
      </c>
      <c r="H24" s="115" t="s">
        <v>398</v>
      </c>
      <c r="I24" s="115" t="s">
        <v>399</v>
      </c>
      <c r="J24" s="158" t="s">
        <v>400</v>
      </c>
      <c r="K24" s="159"/>
      <c r="L24"/>
      <c r="M24"/>
      <c r="N24"/>
      <c r="O24"/>
      <c r="P24"/>
      <c r="Q24"/>
      <c r="R24"/>
      <c r="S24"/>
    </row>
    <row r="25" spans="1:19" ht="14.5" customHeight="1">
      <c r="A25" s="84" t="s">
        <v>260</v>
      </c>
      <c r="B25" s="85"/>
      <c r="C25" s="86"/>
      <c r="D25" s="160"/>
      <c r="E25" s="161"/>
      <c r="F25"/>
      <c r="G25" s="105" t="s">
        <v>260</v>
      </c>
      <c r="H25" s="114"/>
      <c r="I25" s="113"/>
      <c r="J25" s="162"/>
      <c r="K25" s="163"/>
      <c r="L25"/>
      <c r="M25"/>
      <c r="N25"/>
      <c r="O25"/>
      <c r="P25"/>
      <c r="Q25"/>
      <c r="R25"/>
      <c r="S25"/>
    </row>
    <row r="26" spans="1:19">
      <c r="A26" s="87" t="s">
        <v>270</v>
      </c>
      <c r="B26" s="20"/>
      <c r="C26" s="88"/>
      <c r="D26" s="164"/>
      <c r="E26" s="165"/>
      <c r="F26"/>
      <c r="G26" s="105" t="s">
        <v>270</v>
      </c>
      <c r="H26" s="104"/>
      <c r="I26" s="112"/>
      <c r="J26" s="166"/>
      <c r="K26" s="167"/>
      <c r="L26"/>
      <c r="M26"/>
      <c r="N26"/>
      <c r="O26"/>
      <c r="P26"/>
      <c r="Q26"/>
      <c r="R26"/>
      <c r="S26"/>
    </row>
    <row r="27" spans="1:19">
      <c r="A27" s="87" t="s">
        <v>271</v>
      </c>
      <c r="B27" s="20"/>
      <c r="C27" s="88"/>
      <c r="D27" s="164"/>
      <c r="E27" s="165"/>
      <c r="F27"/>
      <c r="G27" s="105" t="s">
        <v>271</v>
      </c>
      <c r="H27" s="104"/>
      <c r="I27" s="112"/>
      <c r="J27" s="166"/>
      <c r="K27" s="167"/>
      <c r="L27"/>
      <c r="M27"/>
      <c r="N27"/>
      <c r="O27"/>
      <c r="P27"/>
      <c r="Q27"/>
      <c r="R27"/>
      <c r="S27"/>
    </row>
    <row r="28" spans="1:19">
      <c r="A28" s="87" t="s">
        <v>272</v>
      </c>
      <c r="B28" s="20"/>
      <c r="C28" s="89"/>
      <c r="D28" s="164"/>
      <c r="E28" s="165"/>
      <c r="F28"/>
      <c r="G28" s="105" t="s">
        <v>272</v>
      </c>
      <c r="H28" s="104"/>
      <c r="I28" s="112"/>
      <c r="J28" s="166"/>
      <c r="K28" s="167"/>
      <c r="L28"/>
      <c r="M28"/>
      <c r="N28"/>
      <c r="O28"/>
      <c r="P28"/>
      <c r="Q28"/>
      <c r="R28"/>
      <c r="S28"/>
    </row>
    <row r="29" spans="1:19">
      <c r="A29" s="87" t="s">
        <v>273</v>
      </c>
      <c r="B29" s="20"/>
      <c r="C29" s="89"/>
      <c r="D29" s="164"/>
      <c r="E29" s="165"/>
      <c r="F29"/>
      <c r="G29" s="105" t="s">
        <v>273</v>
      </c>
      <c r="H29" s="104"/>
      <c r="I29" s="112"/>
      <c r="J29" s="166"/>
      <c r="K29" s="167"/>
      <c r="L29"/>
      <c r="M29"/>
      <c r="N29"/>
      <c r="O29"/>
      <c r="P29"/>
      <c r="Q29"/>
      <c r="R29"/>
      <c r="S29"/>
    </row>
    <row r="30" spans="1:19">
      <c r="A30" s="87" t="s">
        <v>274</v>
      </c>
      <c r="B30" s="20"/>
      <c r="C30" s="89"/>
      <c r="D30" s="164"/>
      <c r="E30" s="165"/>
      <c r="F30"/>
      <c r="G30" s="105" t="s">
        <v>274</v>
      </c>
      <c r="H30" s="104"/>
      <c r="I30" s="112"/>
      <c r="J30" s="166"/>
      <c r="K30" s="167"/>
      <c r="L30"/>
      <c r="M30"/>
      <c r="N30"/>
      <c r="O30"/>
      <c r="P30"/>
      <c r="Q30"/>
      <c r="R30"/>
      <c r="S30"/>
    </row>
    <row r="31" spans="1:19">
      <c r="A31" s="87" t="s">
        <v>275</v>
      </c>
      <c r="B31" s="20"/>
      <c r="C31" s="89"/>
      <c r="D31" s="164"/>
      <c r="E31" s="165"/>
      <c r="F31"/>
      <c r="G31" s="105" t="s">
        <v>275</v>
      </c>
      <c r="H31" s="104"/>
      <c r="I31" s="112"/>
      <c r="J31" s="166"/>
      <c r="K31" s="167"/>
      <c r="L31"/>
      <c r="M31"/>
      <c r="N31"/>
      <c r="O31"/>
      <c r="P31"/>
      <c r="Q31"/>
      <c r="R31"/>
      <c r="S31"/>
    </row>
    <row r="32" spans="1:19">
      <c r="A32" s="87" t="s">
        <v>276</v>
      </c>
      <c r="B32" s="20"/>
      <c r="C32" s="89"/>
      <c r="D32" s="164"/>
      <c r="E32" s="165"/>
      <c r="F32"/>
      <c r="G32" s="105" t="s">
        <v>276</v>
      </c>
      <c r="H32" s="104"/>
      <c r="I32" s="112"/>
      <c r="J32" s="166"/>
      <c r="K32" s="167"/>
      <c r="L32"/>
      <c r="M32"/>
      <c r="N32"/>
      <c r="O32"/>
      <c r="P32"/>
      <c r="Q32"/>
      <c r="R32"/>
      <c r="S32"/>
    </row>
    <row r="33" spans="1:19">
      <c r="A33" s="87" t="s">
        <v>277</v>
      </c>
      <c r="B33" s="20"/>
      <c r="C33" s="89"/>
      <c r="D33" s="164"/>
      <c r="E33" s="165"/>
      <c r="F33"/>
      <c r="G33" s="105" t="s">
        <v>277</v>
      </c>
      <c r="H33" s="104"/>
      <c r="I33" s="112"/>
      <c r="J33" s="166"/>
      <c r="K33" s="167"/>
      <c r="L33"/>
      <c r="M33"/>
      <c r="N33"/>
      <c r="O33"/>
      <c r="P33"/>
      <c r="Q33"/>
      <c r="R33"/>
      <c r="S33"/>
    </row>
    <row r="34" spans="1:19">
      <c r="A34" s="87" t="s">
        <v>278</v>
      </c>
      <c r="B34" s="20"/>
      <c r="C34" s="89"/>
      <c r="D34" s="164"/>
      <c r="E34" s="165"/>
      <c r="F34"/>
      <c r="G34" s="105" t="s">
        <v>278</v>
      </c>
      <c r="H34" s="104"/>
      <c r="I34" s="112"/>
      <c r="J34" s="168"/>
      <c r="K34" s="169"/>
      <c r="L34"/>
      <c r="M34"/>
      <c r="N34"/>
      <c r="O34"/>
      <c r="P34"/>
      <c r="Q34"/>
      <c r="R34"/>
      <c r="S34"/>
    </row>
    <row r="35" spans="1:19">
      <c r="A35" s="87" t="s">
        <v>279</v>
      </c>
      <c r="B35" s="20"/>
      <c r="C35" s="89"/>
      <c r="D35" s="164"/>
      <c r="E35" s="165"/>
      <c r="F35"/>
      <c r="G35" s="105" t="s">
        <v>279</v>
      </c>
      <c r="H35" s="104"/>
      <c r="I35" s="112"/>
      <c r="J35" s="168"/>
      <c r="K35" s="169"/>
      <c r="L35"/>
      <c r="M35"/>
      <c r="N35"/>
      <c r="O35"/>
      <c r="P35"/>
      <c r="Q35"/>
      <c r="R35"/>
      <c r="S35"/>
    </row>
    <row r="36" spans="1:19">
      <c r="A36" s="87" t="s">
        <v>280</v>
      </c>
      <c r="B36" s="20"/>
      <c r="C36" s="89"/>
      <c r="D36" s="164"/>
      <c r="E36" s="165"/>
      <c r="F36"/>
      <c r="G36" s="105" t="s">
        <v>280</v>
      </c>
      <c r="H36" s="104"/>
      <c r="I36" s="112"/>
      <c r="J36" s="168"/>
      <c r="K36" s="169"/>
      <c r="L36"/>
      <c r="M36"/>
      <c r="N36"/>
      <c r="O36"/>
      <c r="P36"/>
      <c r="Q36"/>
      <c r="R36"/>
      <c r="S36"/>
    </row>
    <row r="37" spans="1:19">
      <c r="A37" s="87" t="s">
        <v>281</v>
      </c>
      <c r="B37" s="20"/>
      <c r="C37" s="89"/>
      <c r="D37" s="164"/>
      <c r="E37" s="165"/>
      <c r="F37"/>
      <c r="G37" s="105" t="s">
        <v>281</v>
      </c>
      <c r="H37" s="104"/>
      <c r="I37" s="112"/>
      <c r="J37" s="168"/>
      <c r="K37" s="169"/>
      <c r="L37"/>
      <c r="M37"/>
      <c r="N37"/>
      <c r="O37"/>
      <c r="P37"/>
      <c r="Q37"/>
      <c r="R37"/>
      <c r="S37"/>
    </row>
    <row r="38" spans="1:19">
      <c r="A38" s="87" t="s">
        <v>282</v>
      </c>
      <c r="B38" s="20"/>
      <c r="C38" s="89"/>
      <c r="D38" s="164"/>
      <c r="E38" s="165"/>
      <c r="F38"/>
      <c r="G38" s="105" t="s">
        <v>282</v>
      </c>
      <c r="H38" s="104"/>
      <c r="I38" s="112"/>
      <c r="J38" s="168"/>
      <c r="K38" s="169"/>
      <c r="L38"/>
      <c r="M38"/>
      <c r="N38"/>
      <c r="O38"/>
      <c r="P38"/>
      <c r="Q38"/>
      <c r="R38"/>
      <c r="S38"/>
    </row>
    <row r="39" spans="1:19">
      <c r="A39" s="87" t="s">
        <v>283</v>
      </c>
      <c r="B39" s="20"/>
      <c r="C39" s="89"/>
      <c r="D39" s="164"/>
      <c r="E39" s="165"/>
      <c r="F39"/>
      <c r="G39" s="105" t="s">
        <v>283</v>
      </c>
      <c r="H39" s="104"/>
      <c r="I39" s="112"/>
      <c r="J39" s="168"/>
      <c r="K39" s="169"/>
      <c r="L39"/>
      <c r="M39"/>
      <c r="N39"/>
      <c r="O39"/>
      <c r="P39"/>
      <c r="Q39"/>
      <c r="R39"/>
      <c r="S39"/>
    </row>
    <row r="40" spans="1:19">
      <c r="A40" s="87" t="s">
        <v>284</v>
      </c>
      <c r="B40" s="20"/>
      <c r="C40" s="89"/>
      <c r="D40" s="170"/>
      <c r="E40" s="171"/>
      <c r="F40"/>
      <c r="G40" s="105" t="s">
        <v>284</v>
      </c>
      <c r="H40" s="104"/>
      <c r="I40" s="112"/>
      <c r="J40" s="168"/>
      <c r="K40" s="169"/>
      <c r="L40"/>
      <c r="M40"/>
      <c r="N40"/>
      <c r="O40"/>
      <c r="P40"/>
      <c r="Q40"/>
      <c r="R40"/>
      <c r="S40"/>
    </row>
    <row r="41" spans="1:19">
      <c r="A41" s="87" t="s">
        <v>285</v>
      </c>
      <c r="B41" s="20"/>
      <c r="C41" s="89"/>
      <c r="D41" s="160"/>
      <c r="E41" s="161"/>
      <c r="F41"/>
      <c r="G41" s="105" t="s">
        <v>285</v>
      </c>
      <c r="H41" s="104"/>
      <c r="I41" s="112"/>
      <c r="J41" s="168"/>
      <c r="K41" s="169"/>
      <c r="L41"/>
      <c r="M41"/>
      <c r="N41"/>
      <c r="O41"/>
      <c r="P41"/>
      <c r="Q41"/>
      <c r="R41"/>
      <c r="S41"/>
    </row>
    <row r="42" spans="1:19">
      <c r="A42" s="87" t="s">
        <v>286</v>
      </c>
      <c r="B42" s="20"/>
      <c r="C42" s="89"/>
      <c r="D42" s="170"/>
      <c r="E42" s="171"/>
      <c r="F42"/>
      <c r="G42" s="105" t="s">
        <v>286</v>
      </c>
      <c r="H42" s="104"/>
      <c r="I42" s="112"/>
      <c r="J42" s="168"/>
      <c r="K42" s="169"/>
      <c r="L42"/>
      <c r="M42"/>
      <c r="N42"/>
      <c r="O42"/>
      <c r="P42"/>
      <c r="Q42"/>
      <c r="R42"/>
      <c r="S42"/>
    </row>
    <row r="43" spans="1:19">
      <c r="A43" s="87" t="s">
        <v>287</v>
      </c>
      <c r="B43" s="20"/>
      <c r="C43" s="89"/>
      <c r="D43" s="160"/>
      <c r="E43" s="161"/>
      <c r="F43"/>
      <c r="G43" s="105" t="s">
        <v>287</v>
      </c>
      <c r="H43" s="104"/>
      <c r="I43" s="112"/>
      <c r="J43" s="168"/>
      <c r="K43" s="169"/>
      <c r="L43"/>
      <c r="M43"/>
      <c r="N43"/>
      <c r="O43"/>
      <c r="P43"/>
      <c r="Q43"/>
      <c r="R43"/>
      <c r="S43"/>
    </row>
    <row r="44" spans="1:19" ht="15" thickBot="1">
      <c r="A44" s="87" t="s">
        <v>288</v>
      </c>
      <c r="B44" s="20"/>
      <c r="C44" s="89"/>
      <c r="D44" s="164"/>
      <c r="E44" s="165"/>
      <c r="F44"/>
      <c r="G44" s="103" t="s">
        <v>288</v>
      </c>
      <c r="H44" s="102"/>
      <c r="I44" s="111"/>
      <c r="J44" s="172"/>
      <c r="K44" s="173"/>
      <c r="L44"/>
      <c r="M44"/>
      <c r="N44"/>
      <c r="O44"/>
      <c r="P44"/>
      <c r="Q44"/>
      <c r="R44"/>
      <c r="S44"/>
    </row>
    <row r="45" spans="1:19">
      <c r="A45" s="87" t="s">
        <v>289</v>
      </c>
      <c r="B45" s="20"/>
      <c r="C45" s="89"/>
      <c r="D45" s="170"/>
      <c r="E45" s="171"/>
      <c r="F45"/>
      <c r="G45" s="174" t="s">
        <v>401</v>
      </c>
      <c r="H45" s="175"/>
      <c r="I45" s="175"/>
      <c r="J45" s="175"/>
      <c r="K45" s="110">
        <f>SUM(H25:H44)</f>
        <v>0</v>
      </c>
      <c r="L45"/>
      <c r="M45"/>
      <c r="N45"/>
      <c r="O45"/>
      <c r="P45"/>
      <c r="Q45"/>
      <c r="R45"/>
      <c r="S45"/>
    </row>
    <row r="46" spans="1:19">
      <c r="A46" s="87" t="s">
        <v>290</v>
      </c>
      <c r="B46" s="20"/>
      <c r="C46" s="89"/>
      <c r="D46" s="160"/>
      <c r="E46" s="161"/>
      <c r="F46"/>
      <c r="G46"/>
      <c r="H46"/>
      <c r="I46"/>
      <c r="J46"/>
      <c r="K46" s="18"/>
      <c r="L46" s="98"/>
      <c r="M46"/>
      <c r="N46"/>
      <c r="O46"/>
      <c r="P46"/>
      <c r="Q46"/>
      <c r="R46"/>
      <c r="S46"/>
    </row>
    <row r="47" spans="1:19" ht="15" thickBot="1">
      <c r="A47" s="87" t="s">
        <v>291</v>
      </c>
      <c r="B47" s="20"/>
      <c r="C47" s="89"/>
      <c r="D47" s="164"/>
      <c r="E47" s="165"/>
      <c r="F47"/>
      <c r="G47" s="153" t="s">
        <v>408</v>
      </c>
      <c r="H47" s="154"/>
      <c r="I47" s="154"/>
      <c r="J47" s="154"/>
      <c r="K47" s="155"/>
      <c r="L47" s="98"/>
      <c r="M47"/>
      <c r="N47"/>
      <c r="O47"/>
      <c r="P47"/>
      <c r="Q47"/>
      <c r="R47"/>
      <c r="S47"/>
    </row>
    <row r="48" spans="1:19">
      <c r="A48" s="87" t="s">
        <v>292</v>
      </c>
      <c r="B48" s="20"/>
      <c r="C48" s="89"/>
      <c r="D48" s="164"/>
      <c r="E48" s="165"/>
      <c r="F48"/>
      <c r="G48" s="109" t="s">
        <v>407</v>
      </c>
      <c r="H48" s="108" t="s">
        <v>398</v>
      </c>
      <c r="I48" s="176" t="s">
        <v>400</v>
      </c>
      <c r="J48" s="177"/>
      <c r="K48" s="178"/>
      <c r="L48" s="98"/>
      <c r="M48"/>
      <c r="N48"/>
      <c r="O48"/>
      <c r="P48"/>
      <c r="Q48"/>
      <c r="R48"/>
      <c r="S48"/>
    </row>
    <row r="49" spans="1:19">
      <c r="A49" s="87" t="s">
        <v>293</v>
      </c>
      <c r="B49" s="20"/>
      <c r="C49" s="89"/>
      <c r="D49" s="164"/>
      <c r="E49" s="165"/>
      <c r="F49"/>
      <c r="G49" s="107" t="s">
        <v>260</v>
      </c>
      <c r="H49" s="106"/>
      <c r="I49" s="179"/>
      <c r="J49" s="179"/>
      <c r="K49" s="180"/>
      <c r="L49" s="98"/>
      <c r="M49"/>
      <c r="N49"/>
      <c r="O49"/>
      <c r="P49"/>
      <c r="Q49"/>
      <c r="R49"/>
      <c r="S49"/>
    </row>
    <row r="50" spans="1:19">
      <c r="A50" s="87" t="s">
        <v>294</v>
      </c>
      <c r="B50" s="20"/>
      <c r="C50" s="89"/>
      <c r="D50" s="164"/>
      <c r="E50" s="165"/>
      <c r="F50"/>
      <c r="G50" s="105" t="s">
        <v>270</v>
      </c>
      <c r="H50" s="104"/>
      <c r="I50" s="166"/>
      <c r="J50" s="166"/>
      <c r="K50" s="167"/>
      <c r="L50" s="98"/>
    </row>
    <row r="51" spans="1:19">
      <c r="A51" s="87" t="s">
        <v>295</v>
      </c>
      <c r="B51" s="20"/>
      <c r="C51" s="89"/>
      <c r="D51" s="164"/>
      <c r="E51" s="165"/>
      <c r="F51"/>
      <c r="G51" s="105" t="s">
        <v>271</v>
      </c>
      <c r="H51" s="104"/>
      <c r="I51" s="166"/>
      <c r="J51" s="166"/>
      <c r="K51" s="167"/>
      <c r="L51" s="98"/>
    </row>
    <row r="52" spans="1:19">
      <c r="A52" s="87" t="s">
        <v>296</v>
      </c>
      <c r="B52" s="20"/>
      <c r="C52" s="89"/>
      <c r="D52" s="170"/>
      <c r="E52" s="171"/>
      <c r="F52"/>
      <c r="G52" s="105" t="s">
        <v>272</v>
      </c>
      <c r="H52" s="104"/>
      <c r="I52" s="166"/>
      <c r="J52" s="166"/>
      <c r="K52" s="167"/>
      <c r="L52" s="98"/>
    </row>
    <row r="53" spans="1:19">
      <c r="A53" s="87" t="s">
        <v>297</v>
      </c>
      <c r="B53" s="20"/>
      <c r="C53" s="89"/>
      <c r="D53" s="170"/>
      <c r="E53" s="171"/>
      <c r="F53"/>
      <c r="G53" s="105" t="s">
        <v>273</v>
      </c>
      <c r="H53" s="104"/>
      <c r="I53" s="166"/>
      <c r="J53" s="166"/>
      <c r="K53" s="167"/>
      <c r="L53" s="98"/>
    </row>
    <row r="54" spans="1:19">
      <c r="A54" s="87" t="s">
        <v>298</v>
      </c>
      <c r="B54" s="20"/>
      <c r="C54" s="89"/>
      <c r="D54" s="170"/>
      <c r="E54" s="171"/>
      <c r="F54"/>
      <c r="G54" s="105" t="s">
        <v>274</v>
      </c>
      <c r="H54" s="104"/>
      <c r="I54" s="166"/>
      <c r="J54" s="166"/>
      <c r="K54" s="167"/>
      <c r="L54" s="98"/>
    </row>
    <row r="55" spans="1:19">
      <c r="A55" s="87" t="s">
        <v>299</v>
      </c>
      <c r="B55" s="20"/>
      <c r="C55" s="89"/>
      <c r="D55" s="170"/>
      <c r="E55" s="171"/>
      <c r="F55"/>
      <c r="G55" s="105" t="s">
        <v>275</v>
      </c>
      <c r="H55" s="104"/>
      <c r="I55" s="166"/>
      <c r="J55" s="166"/>
      <c r="K55" s="167"/>
      <c r="L55" s="98"/>
    </row>
    <row r="56" spans="1:19">
      <c r="A56" s="87" t="s">
        <v>300</v>
      </c>
      <c r="B56" s="20"/>
      <c r="C56" s="89"/>
      <c r="D56" s="170"/>
      <c r="E56" s="171"/>
      <c r="F56"/>
      <c r="G56" s="105" t="s">
        <v>276</v>
      </c>
      <c r="H56" s="104"/>
      <c r="I56" s="166"/>
      <c r="J56" s="166"/>
      <c r="K56" s="167"/>
      <c r="L56" s="98"/>
    </row>
    <row r="57" spans="1:19" ht="15" thickBot="1">
      <c r="A57" s="87" t="s">
        <v>301</v>
      </c>
      <c r="B57" s="20"/>
      <c r="C57" s="89"/>
      <c r="D57" s="160"/>
      <c r="E57" s="161"/>
      <c r="F57"/>
      <c r="G57" s="103" t="s">
        <v>288</v>
      </c>
      <c r="H57" s="102"/>
      <c r="I57" s="181"/>
      <c r="J57" s="181"/>
      <c r="K57" s="182"/>
      <c r="L57" s="98"/>
    </row>
    <row r="58" spans="1:19">
      <c r="A58" s="87" t="s">
        <v>302</v>
      </c>
      <c r="B58" s="20"/>
      <c r="C58" s="89"/>
      <c r="D58" s="164"/>
      <c r="E58" s="165"/>
      <c r="F58"/>
      <c r="G58" s="101" t="s">
        <v>402</v>
      </c>
      <c r="H58"/>
      <c r="I58"/>
      <c r="J58"/>
      <c r="K58" s="100">
        <f>SUM(H49:H57)</f>
        <v>0</v>
      </c>
      <c r="L58" s="98"/>
    </row>
    <row r="59" spans="1:19">
      <c r="A59" s="87" t="s">
        <v>303</v>
      </c>
      <c r="B59" s="20"/>
      <c r="C59" s="89"/>
      <c r="D59" s="170"/>
      <c r="E59" s="171"/>
      <c r="F59"/>
      <c r="G59"/>
      <c r="H59"/>
      <c r="I59"/>
      <c r="J59"/>
      <c r="K59" s="18"/>
      <c r="L59" s="98"/>
    </row>
    <row r="60" spans="1:19">
      <c r="A60" s="87" t="s">
        <v>304</v>
      </c>
      <c r="B60" s="20"/>
      <c r="C60" s="89"/>
      <c r="D60" s="170"/>
      <c r="E60" s="171"/>
      <c r="F60"/>
      <c r="G60"/>
      <c r="H60"/>
      <c r="I60"/>
      <c r="J60"/>
      <c r="K60" s="18"/>
      <c r="L60" s="98"/>
    </row>
    <row r="61" spans="1:19">
      <c r="A61" s="87" t="s">
        <v>305</v>
      </c>
      <c r="B61" s="20"/>
      <c r="C61" s="89"/>
      <c r="D61" s="160"/>
      <c r="E61" s="161"/>
      <c r="F61"/>
      <c r="G61"/>
      <c r="H61"/>
      <c r="I61"/>
      <c r="J61"/>
      <c r="K61" s="18"/>
      <c r="L61" s="98"/>
    </row>
    <row r="62" spans="1:19">
      <c r="A62" s="87" t="s">
        <v>306</v>
      </c>
      <c r="B62" s="20"/>
      <c r="C62" s="89"/>
      <c r="D62" s="170"/>
      <c r="E62" s="171"/>
      <c r="F62"/>
      <c r="G62"/>
      <c r="H62"/>
      <c r="I62"/>
      <c r="J62"/>
      <c r="K62" s="18"/>
      <c r="L62" s="98"/>
    </row>
    <row r="63" spans="1:19">
      <c r="A63" s="87" t="s">
        <v>307</v>
      </c>
      <c r="B63" s="20"/>
      <c r="C63" s="89"/>
      <c r="D63" s="170"/>
      <c r="E63" s="171"/>
      <c r="F63"/>
      <c r="G63"/>
      <c r="H63"/>
      <c r="I63"/>
      <c r="J63"/>
      <c r="K63" s="18"/>
      <c r="L63" s="98"/>
    </row>
    <row r="64" spans="1:19">
      <c r="A64" s="87" t="s">
        <v>308</v>
      </c>
      <c r="B64" s="20"/>
      <c r="C64" s="89"/>
      <c r="D64" s="170"/>
      <c r="E64" s="171"/>
      <c r="F64"/>
      <c r="G64"/>
      <c r="H64"/>
      <c r="I64"/>
      <c r="J64"/>
      <c r="K64" s="18"/>
      <c r="L64" s="98"/>
    </row>
    <row r="65" spans="1:12">
      <c r="A65" s="87" t="s">
        <v>309</v>
      </c>
      <c r="B65" s="20"/>
      <c r="C65" s="89"/>
      <c r="D65" s="170"/>
      <c r="E65" s="171"/>
      <c r="F65"/>
      <c r="G65"/>
      <c r="H65"/>
      <c r="I65"/>
      <c r="J65"/>
      <c r="K65" s="18"/>
      <c r="L65" s="98"/>
    </row>
    <row r="66" spans="1:12">
      <c r="A66" s="87" t="s">
        <v>310</v>
      </c>
      <c r="B66" s="20"/>
      <c r="C66" s="89"/>
      <c r="D66" s="170"/>
      <c r="E66" s="183"/>
      <c r="F66" s="99"/>
      <c r="G66"/>
      <c r="H66"/>
      <c r="I66"/>
      <c r="J66"/>
      <c r="K66" s="18"/>
      <c r="L66" s="98"/>
    </row>
    <row r="67" spans="1:12">
      <c r="A67" s="87" t="s">
        <v>311</v>
      </c>
      <c r="B67" s="20"/>
      <c r="C67" s="89"/>
      <c r="D67" s="170"/>
      <c r="E67" s="171"/>
      <c r="F67"/>
      <c r="G67"/>
      <c r="H67"/>
      <c r="I67"/>
      <c r="J67"/>
      <c r="K67" s="18"/>
      <c r="L67" s="98"/>
    </row>
    <row r="68" spans="1:12">
      <c r="A68" s="87" t="s">
        <v>312</v>
      </c>
      <c r="B68" s="20"/>
      <c r="C68" s="89"/>
      <c r="D68" s="160"/>
      <c r="E68" s="161"/>
      <c r="F68"/>
      <c r="G68"/>
      <c r="H68"/>
      <c r="I68"/>
      <c r="J68"/>
      <c r="K68" s="18"/>
      <c r="L68" s="98"/>
    </row>
    <row r="69" spans="1:12">
      <c r="A69" s="87" t="s">
        <v>313</v>
      </c>
      <c r="B69" s="20"/>
      <c r="C69" s="89"/>
      <c r="D69" s="170"/>
      <c r="E69" s="171"/>
      <c r="F69"/>
      <c r="G69"/>
      <c r="H69"/>
      <c r="I69"/>
      <c r="J69"/>
      <c r="K69" s="18"/>
      <c r="L69" s="98"/>
    </row>
    <row r="70" spans="1:12">
      <c r="A70" s="87" t="s">
        <v>314</v>
      </c>
      <c r="B70" s="20"/>
      <c r="C70" s="89"/>
      <c r="D70" s="160"/>
      <c r="E70" s="161"/>
      <c r="F70"/>
      <c r="G70"/>
      <c r="H70"/>
      <c r="I70"/>
      <c r="J70"/>
      <c r="K70" s="18"/>
      <c r="L70" s="98"/>
    </row>
    <row r="71" spans="1:12">
      <c r="A71" s="87" t="s">
        <v>315</v>
      </c>
      <c r="B71" s="20"/>
      <c r="C71" s="89"/>
      <c r="D71" s="170"/>
      <c r="E71" s="171"/>
      <c r="F71"/>
      <c r="G71"/>
      <c r="H71"/>
      <c r="I71"/>
      <c r="J71"/>
      <c r="K71" s="18"/>
      <c r="L71" s="98"/>
    </row>
    <row r="72" spans="1:12">
      <c r="A72" s="87" t="s">
        <v>316</v>
      </c>
      <c r="B72" s="20"/>
      <c r="C72" s="89"/>
      <c r="D72" s="164"/>
      <c r="E72" s="165"/>
      <c r="F72"/>
      <c r="G72"/>
      <c r="H72"/>
      <c r="I72"/>
      <c r="J72"/>
      <c r="K72" s="18"/>
      <c r="L72" s="98"/>
    </row>
    <row r="73" spans="1:12">
      <c r="A73" s="87" t="s">
        <v>317</v>
      </c>
      <c r="B73" s="20"/>
      <c r="C73" s="89"/>
      <c r="D73" s="164"/>
      <c r="E73" s="165"/>
      <c r="F73"/>
      <c r="G73"/>
      <c r="H73"/>
      <c r="I73"/>
      <c r="J73"/>
      <c r="K73" s="18"/>
      <c r="L73" s="98"/>
    </row>
    <row r="74" spans="1:12">
      <c r="A74" s="87" t="s">
        <v>318</v>
      </c>
      <c r="B74" s="20"/>
      <c r="C74" s="89"/>
      <c r="D74" s="164"/>
      <c r="E74" s="165"/>
      <c r="F74"/>
      <c r="G74"/>
      <c r="H74"/>
      <c r="I74"/>
      <c r="J74"/>
      <c r="K74" s="18"/>
      <c r="L74" s="98"/>
    </row>
    <row r="75" spans="1:12">
      <c r="A75" s="87" t="s">
        <v>319</v>
      </c>
      <c r="B75" s="20"/>
      <c r="C75" s="89"/>
      <c r="D75" s="170"/>
      <c r="E75" s="171"/>
      <c r="F75"/>
      <c r="G75"/>
      <c r="H75"/>
      <c r="I75"/>
      <c r="J75"/>
      <c r="K75" s="18"/>
      <c r="L75" s="98"/>
    </row>
    <row r="76" spans="1:12">
      <c r="A76" s="87" t="s">
        <v>320</v>
      </c>
      <c r="B76" s="20"/>
      <c r="C76" s="89"/>
      <c r="D76" s="160"/>
      <c r="E76" s="161"/>
      <c r="F76"/>
      <c r="G76"/>
      <c r="H76"/>
      <c r="I76"/>
      <c r="J76"/>
      <c r="K76" s="18"/>
      <c r="L76" s="98"/>
    </row>
    <row r="77" spans="1:12">
      <c r="A77" s="87" t="s">
        <v>321</v>
      </c>
      <c r="B77" s="20"/>
      <c r="C77" s="89"/>
      <c r="D77" s="170"/>
      <c r="E77" s="171"/>
      <c r="F77"/>
      <c r="G77"/>
      <c r="H77"/>
      <c r="I77"/>
      <c r="J77"/>
      <c r="K77" s="18"/>
      <c r="L77" s="98"/>
    </row>
    <row r="78" spans="1:12">
      <c r="A78" s="87" t="s">
        <v>322</v>
      </c>
      <c r="B78" s="20"/>
      <c r="C78" s="89"/>
      <c r="D78" s="170"/>
      <c r="E78" s="171"/>
      <c r="F78"/>
      <c r="G78"/>
      <c r="H78"/>
      <c r="I78"/>
      <c r="J78"/>
      <c r="K78" s="18"/>
      <c r="L78" s="98"/>
    </row>
    <row r="79" spans="1:12">
      <c r="A79" s="87" t="s">
        <v>323</v>
      </c>
      <c r="B79" s="20"/>
      <c r="C79" s="89"/>
      <c r="D79" s="170"/>
      <c r="E79" s="171"/>
      <c r="F79"/>
      <c r="G79"/>
      <c r="H79"/>
      <c r="I79"/>
      <c r="J79"/>
      <c r="K79" s="18"/>
      <c r="L79" s="98"/>
    </row>
    <row r="80" spans="1:12">
      <c r="A80" s="87" t="s">
        <v>324</v>
      </c>
      <c r="B80" s="20"/>
      <c r="C80" s="89"/>
      <c r="D80" s="170"/>
      <c r="E80" s="171"/>
      <c r="F80"/>
      <c r="G80"/>
      <c r="H80"/>
      <c r="I80"/>
      <c r="J80"/>
      <c r="K80" s="18"/>
      <c r="L80" s="98"/>
    </row>
    <row r="81" spans="1:12">
      <c r="A81" s="87" t="s">
        <v>325</v>
      </c>
      <c r="B81" s="20"/>
      <c r="C81" s="89"/>
      <c r="D81" s="170"/>
      <c r="E81" s="171"/>
      <c r="F81"/>
      <c r="G81"/>
      <c r="H81"/>
      <c r="I81"/>
      <c r="J81"/>
      <c r="K81" s="18"/>
      <c r="L81" s="98"/>
    </row>
    <row r="82" spans="1:12">
      <c r="A82" s="87" t="s">
        <v>326</v>
      </c>
      <c r="B82" s="20"/>
      <c r="C82" s="89"/>
      <c r="D82" s="170"/>
      <c r="E82" s="171"/>
      <c r="F82"/>
      <c r="G82"/>
      <c r="H82"/>
      <c r="I82"/>
      <c r="J82"/>
      <c r="K82" s="18"/>
      <c r="L82" s="98"/>
    </row>
    <row r="83" spans="1:12">
      <c r="A83" s="87" t="s">
        <v>327</v>
      </c>
      <c r="B83" s="20"/>
      <c r="C83" s="89"/>
      <c r="D83" s="170"/>
      <c r="E83" s="171"/>
      <c r="F83"/>
      <c r="G83"/>
      <c r="H83"/>
      <c r="I83"/>
      <c r="J83"/>
      <c r="K83" s="18"/>
      <c r="L83" s="98"/>
    </row>
    <row r="84" spans="1:12">
      <c r="A84" s="87" t="s">
        <v>328</v>
      </c>
      <c r="B84" s="20"/>
      <c r="C84" s="89"/>
      <c r="D84" s="170"/>
      <c r="E84" s="171"/>
      <c r="F84"/>
      <c r="G84"/>
      <c r="H84"/>
      <c r="I84"/>
      <c r="J84"/>
      <c r="K84" s="18"/>
      <c r="L84" s="98"/>
    </row>
    <row r="85" spans="1:12">
      <c r="A85" s="87" t="s">
        <v>329</v>
      </c>
      <c r="B85" s="20"/>
      <c r="C85" s="89"/>
      <c r="D85" s="170"/>
      <c r="E85" s="171"/>
      <c r="F85"/>
      <c r="G85"/>
      <c r="H85"/>
      <c r="I85"/>
      <c r="J85"/>
      <c r="K85" s="18"/>
      <c r="L85" s="98"/>
    </row>
    <row r="86" spans="1:12">
      <c r="A86" s="87" t="s">
        <v>330</v>
      </c>
      <c r="B86" s="20"/>
      <c r="C86" s="89"/>
      <c r="D86" s="170"/>
      <c r="E86" s="171"/>
      <c r="F86"/>
      <c r="G86"/>
      <c r="H86"/>
      <c r="I86"/>
      <c r="J86"/>
      <c r="K86" s="18"/>
      <c r="L86" s="98"/>
    </row>
    <row r="87" spans="1:12">
      <c r="A87" s="87" t="s">
        <v>331</v>
      </c>
      <c r="B87" s="20"/>
      <c r="C87" s="89"/>
      <c r="D87" s="170"/>
      <c r="E87" s="171"/>
      <c r="F87"/>
      <c r="G87"/>
      <c r="H87"/>
      <c r="I87"/>
      <c r="J87"/>
      <c r="K87" s="18"/>
      <c r="L87" s="98"/>
    </row>
    <row r="88" spans="1:12">
      <c r="A88" s="87" t="s">
        <v>332</v>
      </c>
      <c r="B88" s="20"/>
      <c r="C88" s="89"/>
      <c r="D88" s="170"/>
      <c r="E88" s="171"/>
      <c r="F88"/>
      <c r="G88"/>
      <c r="H88"/>
      <c r="I88"/>
      <c r="J88"/>
      <c r="K88" s="18"/>
      <c r="L88" s="98"/>
    </row>
    <row r="89" spans="1:12">
      <c r="A89" s="87" t="s">
        <v>333</v>
      </c>
      <c r="B89" s="20"/>
      <c r="C89" s="89"/>
      <c r="D89" s="170"/>
      <c r="E89" s="171"/>
      <c r="F89"/>
      <c r="G89"/>
      <c r="H89"/>
      <c r="I89"/>
      <c r="J89"/>
      <c r="K89" s="18"/>
      <c r="L89" s="98"/>
    </row>
    <row r="90" spans="1:12">
      <c r="A90" s="87" t="s">
        <v>334</v>
      </c>
      <c r="B90" s="20"/>
      <c r="C90" s="89"/>
      <c r="D90" s="170"/>
      <c r="E90" s="171"/>
      <c r="F90"/>
      <c r="G90"/>
      <c r="H90"/>
      <c r="I90"/>
      <c r="J90"/>
      <c r="K90" s="18"/>
      <c r="L90" s="98"/>
    </row>
    <row r="91" spans="1:12">
      <c r="A91" s="87" t="s">
        <v>335</v>
      </c>
      <c r="B91" s="20"/>
      <c r="C91" s="89"/>
      <c r="D91" s="170"/>
      <c r="E91" s="171"/>
      <c r="F91"/>
      <c r="G91"/>
      <c r="H91"/>
      <c r="I91"/>
      <c r="J91"/>
      <c r="K91" s="18"/>
      <c r="L91" s="98"/>
    </row>
    <row r="92" spans="1:12">
      <c r="A92" s="87" t="s">
        <v>336</v>
      </c>
      <c r="B92" s="20"/>
      <c r="C92" s="89"/>
      <c r="D92" s="170"/>
      <c r="E92" s="171"/>
      <c r="F92"/>
      <c r="G92"/>
      <c r="H92"/>
      <c r="I92"/>
      <c r="J92"/>
      <c r="K92" s="18"/>
    </row>
    <row r="93" spans="1:12">
      <c r="A93" s="87" t="s">
        <v>337</v>
      </c>
      <c r="B93" s="20"/>
      <c r="C93" s="89"/>
      <c r="D93" s="170"/>
      <c r="E93" s="171"/>
      <c r="F93"/>
      <c r="G93"/>
      <c r="H93"/>
      <c r="I93"/>
      <c r="J93"/>
      <c r="K93" s="18"/>
    </row>
    <row r="94" spans="1:12">
      <c r="A94" s="87" t="s">
        <v>338</v>
      </c>
      <c r="B94" s="20"/>
      <c r="C94" s="89"/>
      <c r="D94" s="170"/>
      <c r="E94" s="171"/>
      <c r="F94"/>
      <c r="G94"/>
      <c r="H94"/>
      <c r="I94"/>
      <c r="J94"/>
      <c r="K94" s="18"/>
    </row>
    <row r="95" spans="1:12">
      <c r="A95" s="87" t="s">
        <v>339</v>
      </c>
      <c r="B95" s="20"/>
      <c r="C95" s="89"/>
      <c r="D95" s="170"/>
      <c r="E95" s="171"/>
      <c r="F95"/>
      <c r="G95"/>
      <c r="H95"/>
      <c r="I95"/>
      <c r="J95"/>
      <c r="K95" s="18"/>
    </row>
    <row r="96" spans="1:12">
      <c r="A96" s="87" t="s">
        <v>340</v>
      </c>
      <c r="B96" s="20"/>
      <c r="C96" s="89"/>
      <c r="D96" s="170"/>
      <c r="E96" s="171"/>
      <c r="F96"/>
      <c r="G96"/>
      <c r="H96"/>
      <c r="I96"/>
      <c r="J96"/>
      <c r="K96" s="18"/>
    </row>
    <row r="97" spans="1:12">
      <c r="A97" s="87" t="s">
        <v>341</v>
      </c>
      <c r="B97" s="20"/>
      <c r="C97" s="89"/>
      <c r="D97" s="170"/>
      <c r="E97" s="171"/>
      <c r="F97"/>
      <c r="G97"/>
      <c r="H97"/>
      <c r="I97"/>
      <c r="J97"/>
      <c r="K97" s="18"/>
    </row>
    <row r="98" spans="1:12">
      <c r="A98" s="87" t="s">
        <v>342</v>
      </c>
      <c r="B98" s="20"/>
      <c r="C98" s="89"/>
      <c r="D98" s="170"/>
      <c r="E98" s="171"/>
      <c r="F98"/>
      <c r="G98"/>
      <c r="H98"/>
      <c r="I98"/>
      <c r="J98"/>
      <c r="K98" s="18"/>
    </row>
    <row r="99" spans="1:12">
      <c r="A99" s="87" t="s">
        <v>343</v>
      </c>
      <c r="B99" s="20"/>
      <c r="C99" s="89"/>
      <c r="D99" s="170"/>
      <c r="E99" s="171"/>
      <c r="F99"/>
      <c r="G99"/>
      <c r="H99"/>
      <c r="I99"/>
      <c r="J99"/>
      <c r="K99" s="18"/>
    </row>
    <row r="100" spans="1:12">
      <c r="A100" s="87" t="s">
        <v>344</v>
      </c>
      <c r="B100" s="20"/>
      <c r="C100" s="89"/>
      <c r="D100" s="170"/>
      <c r="E100" s="171"/>
      <c r="F100"/>
      <c r="G100"/>
      <c r="H100"/>
      <c r="I100"/>
      <c r="J100"/>
      <c r="K100" s="18"/>
    </row>
    <row r="101" spans="1:12">
      <c r="A101" s="87" t="s">
        <v>345</v>
      </c>
      <c r="B101" s="20"/>
      <c r="C101" s="89"/>
      <c r="D101" s="170"/>
      <c r="E101" s="171"/>
      <c r="F101"/>
      <c r="G101"/>
      <c r="H101"/>
      <c r="I101"/>
      <c r="J101"/>
      <c r="K101" s="18"/>
    </row>
    <row r="102" spans="1:12">
      <c r="A102" s="87" t="s">
        <v>346</v>
      </c>
      <c r="B102" s="20"/>
      <c r="C102" s="89"/>
      <c r="D102" s="170"/>
      <c r="E102" s="171"/>
      <c r="F102"/>
      <c r="G102"/>
      <c r="H102"/>
      <c r="I102"/>
      <c r="J102"/>
      <c r="K102" s="18"/>
    </row>
    <row r="103" spans="1:12">
      <c r="A103" s="87" t="s">
        <v>347</v>
      </c>
      <c r="B103" s="20"/>
      <c r="C103" s="89"/>
      <c r="D103" s="170"/>
      <c r="E103" s="171"/>
      <c r="F103"/>
      <c r="G103"/>
      <c r="H103"/>
      <c r="I103"/>
      <c r="J103"/>
      <c r="K103" s="18"/>
    </row>
    <row r="104" spans="1:12" ht="15" thickBot="1">
      <c r="A104" s="90" t="s">
        <v>348</v>
      </c>
      <c r="B104" s="91"/>
      <c r="C104" s="92"/>
      <c r="D104" s="184"/>
      <c r="E104" s="185"/>
      <c r="F104" s="97"/>
      <c r="G104" s="96"/>
      <c r="H104" s="96"/>
      <c r="I104" s="96"/>
      <c r="J104" s="96"/>
      <c r="K104" s="95"/>
    </row>
    <row r="105" spans="1:12">
      <c r="A105"/>
      <c r="B105"/>
      <c r="C105"/>
      <c r="D105"/>
      <c r="E105"/>
      <c r="F105"/>
      <c r="G105"/>
      <c r="H105"/>
      <c r="I105"/>
      <c r="J105"/>
      <c r="K105"/>
    </row>
    <row r="106" spans="1:12">
      <c r="A106"/>
      <c r="B106"/>
      <c r="C106"/>
      <c r="D106"/>
      <c r="E106"/>
      <c r="F106"/>
      <c r="G106"/>
      <c r="H106"/>
      <c r="I106"/>
      <c r="J106"/>
      <c r="K106"/>
      <c r="L106"/>
    </row>
    <row r="107" spans="1:12">
      <c r="A107"/>
      <c r="B107"/>
      <c r="C107"/>
      <c r="D107" s="145"/>
      <c r="E107" s="145"/>
      <c r="F107"/>
      <c r="G107"/>
      <c r="H107"/>
      <c r="I107"/>
      <c r="J107"/>
      <c r="K107"/>
      <c r="L107"/>
    </row>
    <row r="108" spans="1:12">
      <c r="A108"/>
      <c r="B108"/>
      <c r="C108"/>
      <c r="D108" s="145"/>
      <c r="E108" s="145"/>
      <c r="F108"/>
      <c r="G108"/>
      <c r="H108"/>
      <c r="I108"/>
      <c r="J108"/>
      <c r="K108"/>
      <c r="L108"/>
    </row>
    <row r="109" spans="1:12">
      <c r="A109"/>
      <c r="B109"/>
      <c r="C109"/>
      <c r="D109" s="145"/>
      <c r="E109" s="145"/>
      <c r="F109"/>
      <c r="G109"/>
      <c r="H109"/>
      <c r="I109"/>
      <c r="J109"/>
      <c r="K109"/>
      <c r="L109"/>
    </row>
    <row r="110" spans="1:12">
      <c r="A110"/>
      <c r="B110"/>
      <c r="C110"/>
      <c r="D110" s="145"/>
      <c r="E110" s="145"/>
      <c r="F110"/>
      <c r="G110"/>
      <c r="H110"/>
      <c r="I110"/>
      <c r="J110"/>
      <c r="K110"/>
      <c r="L110"/>
    </row>
    <row r="111" spans="1:12">
      <c r="A111"/>
      <c r="B111"/>
      <c r="C111"/>
      <c r="D111" s="145"/>
      <c r="E111" s="145"/>
      <c r="F111"/>
      <c r="G111"/>
      <c r="H111"/>
      <c r="I111"/>
      <c r="J111"/>
      <c r="K111"/>
      <c r="L111"/>
    </row>
    <row r="112" spans="1:12">
      <c r="A112"/>
      <c r="B112"/>
      <c r="C112"/>
      <c r="D112" s="145"/>
      <c r="E112" s="145"/>
      <c r="F112"/>
      <c r="G112"/>
      <c r="H112"/>
      <c r="I112"/>
      <c r="J112"/>
      <c r="K112"/>
      <c r="L112"/>
    </row>
    <row r="113" spans="1:12">
      <c r="A113"/>
      <c r="B113"/>
      <c r="C113"/>
      <c r="D113" s="145"/>
      <c r="E113" s="145"/>
      <c r="F113"/>
      <c r="G113"/>
      <c r="H113"/>
      <c r="I113"/>
      <c r="J113"/>
      <c r="K113"/>
      <c r="L113"/>
    </row>
    <row r="114" spans="1:12">
      <c r="A114"/>
      <c r="B114"/>
      <c r="C114"/>
      <c r="D114" s="145"/>
      <c r="E114" s="145"/>
      <c r="F114"/>
      <c r="G114"/>
      <c r="H114"/>
      <c r="I114"/>
      <c r="J114"/>
      <c r="K114"/>
      <c r="L114"/>
    </row>
    <row r="115" spans="1:12">
      <c r="A115"/>
      <c r="B115"/>
      <c r="C115"/>
      <c r="D115" s="145"/>
      <c r="E115" s="145"/>
      <c r="F115"/>
      <c r="G115"/>
      <c r="H115"/>
      <c r="I115"/>
      <c r="J115"/>
      <c r="K115"/>
      <c r="L115"/>
    </row>
    <row r="116" spans="1:12">
      <c r="A116"/>
      <c r="B116"/>
      <c r="C116"/>
      <c r="D116" s="145"/>
      <c r="E116" s="145"/>
      <c r="F116"/>
      <c r="G116"/>
      <c r="H116"/>
      <c r="I116"/>
      <c r="J116"/>
      <c r="K116"/>
      <c r="L116"/>
    </row>
    <row r="117" spans="1:12">
      <c r="A117"/>
      <c r="B117"/>
      <c r="C117"/>
      <c r="D117" s="145"/>
      <c r="E117" s="145"/>
      <c r="F117"/>
      <c r="G117"/>
      <c r="H117"/>
      <c r="I117"/>
      <c r="J117"/>
      <c r="K117"/>
      <c r="L117"/>
    </row>
    <row r="118" spans="1:12">
      <c r="A118"/>
      <c r="B118"/>
      <c r="C118"/>
      <c r="D118" s="145"/>
      <c r="E118" s="145"/>
      <c r="F118"/>
      <c r="G118"/>
      <c r="H118"/>
      <c r="I118"/>
      <c r="J118"/>
      <c r="K118"/>
      <c r="L118"/>
    </row>
    <row r="119" spans="1:12">
      <c r="A119"/>
      <c r="B119"/>
      <c r="C119"/>
      <c r="D119" s="145"/>
      <c r="E119" s="145"/>
      <c r="F119"/>
      <c r="G119"/>
      <c r="H119"/>
      <c r="I119"/>
      <c r="J119"/>
      <c r="K119"/>
      <c r="L119"/>
    </row>
    <row r="120" spans="1:12">
      <c r="A120"/>
      <c r="B120"/>
      <c r="C120"/>
      <c r="D120" s="145"/>
      <c r="E120" s="145"/>
      <c r="F120"/>
      <c r="G120"/>
      <c r="H120"/>
      <c r="I120"/>
      <c r="J120"/>
      <c r="K120"/>
      <c r="L120"/>
    </row>
    <row r="121" spans="1:12">
      <c r="A121"/>
      <c r="B121"/>
      <c r="C121"/>
      <c r="D121" s="145"/>
      <c r="E121" s="145"/>
      <c r="F121"/>
      <c r="G121"/>
      <c r="H121"/>
      <c r="I121"/>
      <c r="J121"/>
      <c r="K121"/>
      <c r="L121"/>
    </row>
    <row r="122" spans="1:12">
      <c r="A122"/>
      <c r="B122"/>
      <c r="C122"/>
      <c r="D122" s="145"/>
      <c r="E122" s="145"/>
      <c r="F122"/>
      <c r="G122"/>
      <c r="H122"/>
      <c r="I122"/>
      <c r="J122"/>
      <c r="K122"/>
      <c r="L122"/>
    </row>
    <row r="123" spans="1:12">
      <c r="A123"/>
      <c r="B123"/>
      <c r="C123"/>
      <c r="D123" s="145"/>
      <c r="E123" s="145"/>
      <c r="F123"/>
      <c r="G123"/>
      <c r="H123"/>
      <c r="I123"/>
      <c r="J123"/>
      <c r="K123"/>
      <c r="L123"/>
    </row>
    <row r="124" spans="1:12">
      <c r="A124"/>
      <c r="B124"/>
      <c r="C124"/>
      <c r="D124" s="145"/>
      <c r="E124" s="145"/>
      <c r="F124"/>
      <c r="G124"/>
      <c r="H124"/>
      <c r="I124"/>
      <c r="J124"/>
      <c r="K124"/>
      <c r="L124"/>
    </row>
    <row r="125" spans="1:12">
      <c r="A125"/>
      <c r="B125"/>
      <c r="C125"/>
      <c r="D125" s="145"/>
      <c r="E125" s="145"/>
      <c r="F125"/>
      <c r="G125"/>
      <c r="H125"/>
      <c r="I125"/>
      <c r="J125"/>
      <c r="K125"/>
      <c r="L125"/>
    </row>
    <row r="126" spans="1:12">
      <c r="A126"/>
      <c r="B126"/>
      <c r="C126"/>
      <c r="D126" s="145"/>
      <c r="E126" s="145"/>
      <c r="F126"/>
      <c r="G126"/>
      <c r="H126"/>
      <c r="I126"/>
      <c r="J126"/>
      <c r="K126"/>
      <c r="L126"/>
    </row>
    <row r="127" spans="1:12">
      <c r="A127"/>
      <c r="B127"/>
      <c r="C127"/>
      <c r="D127" s="145"/>
      <c r="E127" s="145"/>
      <c r="F127"/>
      <c r="G127"/>
      <c r="H127"/>
      <c r="I127"/>
      <c r="J127"/>
      <c r="K127"/>
      <c r="L127"/>
    </row>
    <row r="128" spans="1:12">
      <c r="A128"/>
      <c r="B128"/>
      <c r="C128"/>
      <c r="D128"/>
      <c r="E128"/>
      <c r="F128"/>
      <c r="G128"/>
      <c r="H128"/>
      <c r="I128"/>
      <c r="J128"/>
      <c r="K128"/>
      <c r="L128"/>
    </row>
    <row r="129" spans="1:12">
      <c r="A129"/>
      <c r="B129"/>
      <c r="C129"/>
      <c r="D129"/>
      <c r="E129"/>
      <c r="F129"/>
      <c r="G129"/>
      <c r="H129"/>
      <c r="I129"/>
      <c r="J129"/>
      <c r="K129"/>
      <c r="L129"/>
    </row>
    <row r="130" spans="1:12">
      <c r="A130"/>
      <c r="B130"/>
      <c r="C130" s="145"/>
      <c r="D130" s="145"/>
      <c r="E130" s="145"/>
      <c r="F130"/>
      <c r="G130"/>
      <c r="H130"/>
      <c r="I130"/>
      <c r="J130"/>
      <c r="K130"/>
      <c r="L130"/>
    </row>
    <row r="131" spans="1:12">
      <c r="A131"/>
      <c r="B131"/>
      <c r="C131" s="145"/>
      <c r="D131" s="145"/>
      <c r="E131" s="145"/>
      <c r="F131"/>
      <c r="G131"/>
      <c r="H131"/>
      <c r="I131"/>
      <c r="J131"/>
      <c r="K131"/>
      <c r="L131"/>
    </row>
    <row r="132" spans="1:12">
      <c r="A132"/>
      <c r="B132"/>
      <c r="C132" s="145"/>
      <c r="D132" s="145"/>
      <c r="E132" s="145"/>
      <c r="F132"/>
      <c r="G132"/>
      <c r="H132"/>
      <c r="I132"/>
      <c r="J132"/>
      <c r="K132"/>
      <c r="L132"/>
    </row>
    <row r="133" spans="1:12">
      <c r="A133"/>
      <c r="B133"/>
      <c r="C133" s="145"/>
      <c r="D133" s="145"/>
      <c r="E133" s="145"/>
      <c r="F133"/>
      <c r="G133"/>
      <c r="H133"/>
      <c r="I133"/>
      <c r="J133"/>
      <c r="K133"/>
      <c r="L133"/>
    </row>
    <row r="134" spans="1:12">
      <c r="A134"/>
      <c r="B134"/>
      <c r="C134" s="145"/>
      <c r="D134" s="145"/>
      <c r="E134" s="145"/>
      <c r="F134"/>
      <c r="G134"/>
      <c r="H134"/>
      <c r="I134"/>
      <c r="J134"/>
      <c r="K134"/>
      <c r="L134"/>
    </row>
    <row r="135" spans="1:12">
      <c r="A135"/>
      <c r="B135"/>
      <c r="C135" s="145"/>
      <c r="D135" s="145"/>
      <c r="E135" s="145"/>
      <c r="F135"/>
      <c r="G135"/>
      <c r="H135"/>
      <c r="I135"/>
      <c r="J135"/>
      <c r="K135"/>
      <c r="L135"/>
    </row>
    <row r="136" spans="1:12">
      <c r="A136"/>
      <c r="B136"/>
      <c r="C136" s="145"/>
      <c r="D136" s="145"/>
      <c r="E136" s="145"/>
      <c r="F136"/>
      <c r="G136"/>
      <c r="H136"/>
      <c r="I136"/>
      <c r="J136"/>
      <c r="K136"/>
      <c r="L136"/>
    </row>
    <row r="137" spans="1:12">
      <c r="A137"/>
      <c r="B137"/>
      <c r="C137" s="145"/>
      <c r="D137" s="145"/>
      <c r="E137" s="145"/>
      <c r="F137"/>
      <c r="G137"/>
      <c r="H137"/>
      <c r="I137"/>
      <c r="J137"/>
      <c r="K137"/>
      <c r="L137"/>
    </row>
    <row r="138" spans="1:12">
      <c r="A138"/>
      <c r="B138"/>
      <c r="C138" s="145"/>
      <c r="D138" s="145"/>
      <c r="E138" s="145"/>
      <c r="F138"/>
      <c r="G138"/>
      <c r="H138"/>
      <c r="I138"/>
      <c r="J138"/>
      <c r="K138"/>
      <c r="L138"/>
    </row>
    <row r="139" spans="1:12">
      <c r="A139"/>
      <c r="B139"/>
      <c r="C139" s="145"/>
      <c r="D139" s="145"/>
      <c r="E139" s="145"/>
      <c r="F139"/>
      <c r="G139"/>
      <c r="H139"/>
      <c r="I139"/>
      <c r="J139"/>
      <c r="K139"/>
      <c r="L139"/>
    </row>
    <row r="140" spans="1:12">
      <c r="A140"/>
      <c r="B140"/>
      <c r="C140" s="145"/>
      <c r="D140" s="145"/>
      <c r="E140" s="145"/>
      <c r="F140"/>
      <c r="G140"/>
      <c r="H140"/>
      <c r="I140"/>
      <c r="J140"/>
      <c r="K140"/>
      <c r="L140"/>
    </row>
    <row r="141" spans="1:12">
      <c r="A141"/>
      <c r="B141"/>
      <c r="C141" s="145"/>
      <c r="D141" s="145"/>
      <c r="E141" s="145"/>
      <c r="F141"/>
      <c r="G141"/>
      <c r="H141"/>
      <c r="I141"/>
      <c r="J141"/>
      <c r="K141"/>
      <c r="L141"/>
    </row>
    <row r="142" spans="1:12">
      <c r="A142"/>
      <c r="B142"/>
      <c r="C142" s="145"/>
      <c r="D142" s="145"/>
      <c r="E142" s="145"/>
      <c r="F142"/>
      <c r="G142"/>
      <c r="H142"/>
      <c r="I142"/>
      <c r="J142"/>
      <c r="K142"/>
      <c r="L142"/>
    </row>
    <row r="143" spans="1:12">
      <c r="A143"/>
      <c r="B143"/>
      <c r="C143" s="145"/>
      <c r="D143" s="145"/>
      <c r="E143" s="145"/>
      <c r="F143"/>
      <c r="G143"/>
      <c r="H143"/>
      <c r="I143"/>
      <c r="J143"/>
      <c r="K143"/>
      <c r="L143"/>
    </row>
    <row r="144" spans="1:12">
      <c r="A144"/>
      <c r="B144"/>
      <c r="C144" s="145"/>
      <c r="D144" s="145"/>
      <c r="E144" s="145"/>
      <c r="F144"/>
      <c r="G144"/>
      <c r="H144"/>
      <c r="I144"/>
      <c r="J144"/>
      <c r="K144"/>
      <c r="L144"/>
    </row>
    <row r="145" spans="1:12">
      <c r="A145"/>
      <c r="B145"/>
      <c r="C145" s="145"/>
      <c r="D145" s="145"/>
      <c r="E145" s="145"/>
      <c r="F145"/>
      <c r="G145"/>
      <c r="H145"/>
      <c r="I145"/>
      <c r="J145"/>
      <c r="K145"/>
      <c r="L145"/>
    </row>
    <row r="146" spans="1:12">
      <c r="A146"/>
      <c r="B146"/>
      <c r="C146" s="145"/>
      <c r="D146" s="145"/>
      <c r="E146" s="145"/>
      <c r="F146"/>
      <c r="G146"/>
      <c r="H146"/>
      <c r="I146"/>
      <c r="J146"/>
      <c r="K146"/>
      <c r="L146"/>
    </row>
    <row r="147" spans="1:12">
      <c r="A147"/>
      <c r="B147"/>
      <c r="C147" s="145"/>
      <c r="D147" s="145"/>
      <c r="E147" s="145"/>
      <c r="F147"/>
      <c r="G147"/>
      <c r="H147"/>
      <c r="I147"/>
      <c r="J147"/>
      <c r="K147"/>
      <c r="L147"/>
    </row>
    <row r="148" spans="1:12">
      <c r="A148"/>
      <c r="B148"/>
      <c r="C148" s="145"/>
      <c r="D148" s="145"/>
      <c r="E148" s="145"/>
      <c r="F148"/>
      <c r="G148"/>
      <c r="H148"/>
      <c r="I148"/>
      <c r="J148"/>
      <c r="K148"/>
      <c r="L148"/>
    </row>
    <row r="149" spans="1:12">
      <c r="A149"/>
      <c r="B149"/>
      <c r="C149" s="145"/>
      <c r="D149" s="145"/>
      <c r="E149" s="145"/>
      <c r="F149"/>
      <c r="G149"/>
      <c r="H149"/>
      <c r="I149"/>
      <c r="J149"/>
      <c r="K149"/>
      <c r="L149"/>
    </row>
    <row r="150" spans="1:12">
      <c r="A150"/>
      <c r="B150"/>
      <c r="C150" s="145"/>
      <c r="D150" s="145"/>
      <c r="E150" s="145"/>
      <c r="F150"/>
      <c r="G150"/>
      <c r="H150"/>
      <c r="I150"/>
      <c r="J150"/>
      <c r="K150"/>
      <c r="L150"/>
    </row>
    <row r="151" spans="1:12">
      <c r="A151"/>
      <c r="B151"/>
      <c r="C151"/>
      <c r="D151"/>
      <c r="E151"/>
      <c r="F151"/>
      <c r="G151"/>
      <c r="H151"/>
      <c r="I151"/>
      <c r="J151"/>
      <c r="K151"/>
      <c r="L151"/>
    </row>
    <row r="152" spans="1:12">
      <c r="A152"/>
      <c r="B152"/>
      <c r="C152"/>
      <c r="D152"/>
      <c r="E152"/>
      <c r="F152"/>
      <c r="G152"/>
      <c r="H152"/>
      <c r="I152"/>
      <c r="J152"/>
      <c r="K152"/>
      <c r="L152"/>
    </row>
    <row r="153" spans="1:12">
      <c r="A153"/>
      <c r="B153"/>
      <c r="C153"/>
      <c r="D153"/>
      <c r="E153"/>
      <c r="F153"/>
      <c r="G153"/>
      <c r="H153"/>
      <c r="I153"/>
      <c r="J153"/>
      <c r="K153"/>
      <c r="L153"/>
    </row>
    <row r="154" spans="1:12">
      <c r="A154"/>
      <c r="B154"/>
      <c r="C154"/>
      <c r="D154"/>
      <c r="E154"/>
      <c r="F154"/>
      <c r="G154"/>
      <c r="H154"/>
      <c r="I154"/>
      <c r="J154"/>
      <c r="K154"/>
      <c r="L154"/>
    </row>
    <row r="155" spans="1:12">
      <c r="A155"/>
      <c r="B155"/>
      <c r="C155"/>
      <c r="D155"/>
      <c r="E155"/>
      <c r="F155"/>
      <c r="G155"/>
      <c r="H155"/>
      <c r="I155"/>
      <c r="J155"/>
      <c r="K155"/>
      <c r="L155"/>
    </row>
    <row r="156" spans="1:12">
      <c r="L156"/>
    </row>
  </sheetData>
  <sheetProtection algorithmName="SHA-512" hashValue="R7P/pQESRiRAdHO2SxxmE178g+rfSRRya05pXvQ6M2FIX5J1qWhuYB4hKOWwCDLoZf1/XH1kS0+61EJuWLIGGQ==" saltValue="5jLjiYtNA60er8Okeb+IIw==" spinCount="100000" sheet="1" selectLockedCells="1"/>
  <mergeCells count="169">
    <mergeCell ref="C146:E146"/>
    <mergeCell ref="C147:E147"/>
    <mergeCell ref="C148:E148"/>
    <mergeCell ref="C149:E149"/>
    <mergeCell ref="C150:E150"/>
    <mergeCell ref="C140:E140"/>
    <mergeCell ref="C141:E141"/>
    <mergeCell ref="C142:E142"/>
    <mergeCell ref="C143:E143"/>
    <mergeCell ref="C144:E144"/>
    <mergeCell ref="C132:E132"/>
    <mergeCell ref="C133:E133"/>
    <mergeCell ref="C145:E145"/>
    <mergeCell ref="C134:E134"/>
    <mergeCell ref="C135:E135"/>
    <mergeCell ref="C136:E136"/>
    <mergeCell ref="C137:E137"/>
    <mergeCell ref="C138:E138"/>
    <mergeCell ref="C139:E139"/>
    <mergeCell ref="D121:E121"/>
    <mergeCell ref="D122:E122"/>
    <mergeCell ref="D123:E123"/>
    <mergeCell ref="D124:E124"/>
    <mergeCell ref="D125:E125"/>
    <mergeCell ref="D126:E126"/>
    <mergeCell ref="D127:E127"/>
    <mergeCell ref="C130:E130"/>
    <mergeCell ref="C131:E131"/>
    <mergeCell ref="D112:E112"/>
    <mergeCell ref="D113:E113"/>
    <mergeCell ref="D114:E114"/>
    <mergeCell ref="D115:E115"/>
    <mergeCell ref="D116:E116"/>
    <mergeCell ref="D117:E117"/>
    <mergeCell ref="D118:E118"/>
    <mergeCell ref="D119:E119"/>
    <mergeCell ref="D120:E120"/>
    <mergeCell ref="D101:E101"/>
    <mergeCell ref="D102:E102"/>
    <mergeCell ref="D103:E103"/>
    <mergeCell ref="D104:E104"/>
    <mergeCell ref="D107:E107"/>
    <mergeCell ref="D108:E108"/>
    <mergeCell ref="D109:E109"/>
    <mergeCell ref="D110:E110"/>
    <mergeCell ref="D111:E111"/>
    <mergeCell ref="D92:E92"/>
    <mergeCell ref="D93:E93"/>
    <mergeCell ref="D94:E94"/>
    <mergeCell ref="D95:E95"/>
    <mergeCell ref="D96:E96"/>
    <mergeCell ref="D97:E97"/>
    <mergeCell ref="D98:E98"/>
    <mergeCell ref="D99:E99"/>
    <mergeCell ref="D100:E100"/>
    <mergeCell ref="D83:E83"/>
    <mergeCell ref="D84:E84"/>
    <mergeCell ref="D85:E85"/>
    <mergeCell ref="D86:E86"/>
    <mergeCell ref="D87:E87"/>
    <mergeCell ref="D88:E88"/>
    <mergeCell ref="D89:E89"/>
    <mergeCell ref="D90:E90"/>
    <mergeCell ref="D91:E91"/>
    <mergeCell ref="D74:E74"/>
    <mergeCell ref="D75:E75"/>
    <mergeCell ref="D76:E76"/>
    <mergeCell ref="D77:E77"/>
    <mergeCell ref="D78:E78"/>
    <mergeCell ref="D79:E79"/>
    <mergeCell ref="D80:E80"/>
    <mergeCell ref="D81:E81"/>
    <mergeCell ref="D82:E82"/>
    <mergeCell ref="D65:E65"/>
    <mergeCell ref="D66:E66"/>
    <mergeCell ref="D67:E67"/>
    <mergeCell ref="D68:E68"/>
    <mergeCell ref="D69:E69"/>
    <mergeCell ref="D70:E70"/>
    <mergeCell ref="D71:E71"/>
    <mergeCell ref="D72:E72"/>
    <mergeCell ref="D73:E73"/>
    <mergeCell ref="D57:E57"/>
    <mergeCell ref="I57:K57"/>
    <mergeCell ref="D58:E58"/>
    <mergeCell ref="D59:E59"/>
    <mergeCell ref="D60:E60"/>
    <mergeCell ref="D61:E61"/>
    <mergeCell ref="D62:E62"/>
    <mergeCell ref="D63:E63"/>
    <mergeCell ref="D64:E64"/>
    <mergeCell ref="D52:E52"/>
    <mergeCell ref="I52:K52"/>
    <mergeCell ref="D53:E53"/>
    <mergeCell ref="I53:K53"/>
    <mergeCell ref="D54:E54"/>
    <mergeCell ref="I54:K54"/>
    <mergeCell ref="D55:E55"/>
    <mergeCell ref="I55:K55"/>
    <mergeCell ref="D56:E56"/>
    <mergeCell ref="I56:K56"/>
    <mergeCell ref="D47:E47"/>
    <mergeCell ref="G47:K47"/>
    <mergeCell ref="D48:E48"/>
    <mergeCell ref="I48:K48"/>
    <mergeCell ref="D49:E49"/>
    <mergeCell ref="I49:K49"/>
    <mergeCell ref="D50:E50"/>
    <mergeCell ref="I50:K50"/>
    <mergeCell ref="D51:E51"/>
    <mergeCell ref="I51:K51"/>
    <mergeCell ref="D42:E42"/>
    <mergeCell ref="J42:K42"/>
    <mergeCell ref="D43:E43"/>
    <mergeCell ref="J43:K43"/>
    <mergeCell ref="D44:E44"/>
    <mergeCell ref="J44:K44"/>
    <mergeCell ref="D45:E45"/>
    <mergeCell ref="G45:J45"/>
    <mergeCell ref="D46:E46"/>
    <mergeCell ref="D37:E37"/>
    <mergeCell ref="J37:K37"/>
    <mergeCell ref="D38:E38"/>
    <mergeCell ref="J38:K38"/>
    <mergeCell ref="D39:E39"/>
    <mergeCell ref="J39:K39"/>
    <mergeCell ref="D40:E40"/>
    <mergeCell ref="J40:K40"/>
    <mergeCell ref="D41:E41"/>
    <mergeCell ref="J41:K41"/>
    <mergeCell ref="D32:E32"/>
    <mergeCell ref="J32:K32"/>
    <mergeCell ref="D33:E33"/>
    <mergeCell ref="J33:K33"/>
    <mergeCell ref="D34:E34"/>
    <mergeCell ref="J34:K34"/>
    <mergeCell ref="D35:E35"/>
    <mergeCell ref="J35:K35"/>
    <mergeCell ref="D36:E36"/>
    <mergeCell ref="J36:K36"/>
    <mergeCell ref="D27:E27"/>
    <mergeCell ref="J27:K27"/>
    <mergeCell ref="D28:E28"/>
    <mergeCell ref="J28:K28"/>
    <mergeCell ref="D29:E29"/>
    <mergeCell ref="J29:K29"/>
    <mergeCell ref="D30:E30"/>
    <mergeCell ref="J30:K30"/>
    <mergeCell ref="D31:E31"/>
    <mergeCell ref="J31:K31"/>
    <mergeCell ref="A21:A23"/>
    <mergeCell ref="D23:E23"/>
    <mergeCell ref="G23:K23"/>
    <mergeCell ref="D24:E24"/>
    <mergeCell ref="J24:K24"/>
    <mergeCell ref="D25:E25"/>
    <mergeCell ref="J25:K25"/>
    <mergeCell ref="D26:E26"/>
    <mergeCell ref="J26:K26"/>
    <mergeCell ref="A1:K2"/>
    <mergeCell ref="A3:K3"/>
    <mergeCell ref="B5:K5"/>
    <mergeCell ref="B6:K6"/>
    <mergeCell ref="B7:K7"/>
    <mergeCell ref="B10:K10"/>
    <mergeCell ref="I16:J16"/>
    <mergeCell ref="I17:J17"/>
    <mergeCell ref="A20:K20"/>
    <mergeCell ref="B11:K11"/>
  </mergeCells>
  <dataValidations count="18">
    <dataValidation type="textLength" operator="lessThan" allowBlank="1" showInputMessage="1" showErrorMessage="1" promptTitle="Degree" prompt="The full English title of your qualifying degree." sqref="B10:K10" xr:uid="{00000000-0002-0000-0000-000000000000}">
      <formula1>101</formula1>
    </dataValidation>
    <dataValidation type="whole" operator="lessThan" allowBlank="1" showInputMessage="1" showErrorMessage="1" promptTitle="Nominal Length" prompt="Nominal length in years of qualifying education, assuming full-time study." sqref="B12" xr:uid="{00000000-0002-0000-0000-000001000000}">
      <formula1>15</formula1>
    </dataValidation>
    <dataValidation type="whole" operator="lessThan" allowBlank="1" showInputMessage="1" showErrorMessage="1" promptTitle="Min. credits" prompt="Credits as used by your home university." sqref="B13" xr:uid="{00000000-0002-0000-0000-000002000000}">
      <formula1>1000</formula1>
    </dataValidation>
    <dataValidation type="textLength" operator="lessThan" allowBlank="1" showInputMessage="1" showErrorMessage="1" promptTitle="Name" prompt="Use your full name." sqref="B5:K5" xr:uid="{00000000-0002-0000-0000-000003000000}">
      <formula1>101</formula1>
    </dataValidation>
    <dataValidation type="textLength" operator="lessThan" allowBlank="1" showInputMessage="1" showErrorMessage="1" promptTitle="University" prompt="The English name of your home university." sqref="B7:K7" xr:uid="{00000000-0002-0000-0000-000004000000}">
      <formula1>101</formula1>
    </dataValidation>
    <dataValidation type="list" allowBlank="1" showInputMessage="1" promptTitle="Select from drop down menu" prompt="Use the searchable drop-down menu, to choose the country where you have obtained your qualifying degree. Search for country's Initials_x000a_" sqref="B6:K6" xr:uid="{00000000-0002-0000-0000-000005000000}">
      <formula1>Country_search</formula1>
    </dataValidation>
    <dataValidation allowBlank="1" sqref="D108:E127 C131:E150 J25:K44 I49:K57" xr:uid="{00000000-0002-0000-0000-000006000000}"/>
    <dataValidation type="list" allowBlank="1" sqref="C108:C127 I25:I44" xr:uid="{00000000-0002-0000-0000-000007000000}">
      <formula1>"PASSED"</formula1>
    </dataValidation>
    <dataValidation type="custom" allowBlank="1" showErrorMessage="1" errorTitle="Invalid input" error="Please input only numerical values." sqref="C26:C103" xr:uid="{00000000-0002-0000-0000-000008000000}">
      <formula1>ISNUMBER(C25:D104)</formula1>
    </dataValidation>
    <dataValidation type="custom" allowBlank="1" showErrorMessage="1" errorTitle="Invalid input" error="Please input only numerical values." sqref="C104" xr:uid="{00000000-0002-0000-0000-000009000000}">
      <formula1>ISNUMBER(C104:D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writing your credits and grades._x000a__x000a_In case of &quot;pass&quot; or &quot;no pass&quot;, add them to the designated field bellow." sqref="C25" xr:uid="{00000000-0002-0000-0000-00000A000000}">
      <formula1>ISNUMBER(C25:D104)</formula1>
    </dataValidation>
    <dataValidation type="custom" allowBlank="1" showErrorMessage="1" sqref="B26:B103" xr:uid="{00000000-0002-0000-0000-00000B000000}">
      <formula1>ISNUMBER(B25:C104)</formula1>
    </dataValidation>
    <dataValidation type="custom" allowBlank="1" showErrorMessage="1" sqref="B104" xr:uid="{00000000-0002-0000-0000-00000C000000}">
      <formula1>ISNUMBER(B104:C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importing your grades._x000a__x000a_In case of &quot;pass&quot; or &quot;no pass&quot;, please add them to the designated field below." sqref="B25" xr:uid="{00000000-0002-0000-0000-00000D000000}">
      <formula1>ISNUMBER(B25:C104)</formula1>
    </dataValidation>
    <dataValidation type="custom" allowBlank="1" showInputMessage="1" showErrorMessage="1" errorTitle="Error" error="Be sure to only use number grades and seperate decimals with a comma." promptTitle="Pass. grade" prompt="Lowest possible grade for passing a course at your home university." sqref="B17" xr:uid="{00000000-0002-0000-0000-00000E000000}">
      <formula1>ISNUMBER(B17:B19+B25:C104)</formula1>
    </dataValidation>
    <dataValidation type="custom" allowBlank="1" showInputMessage="1" showErrorMessage="1" errorTitle="Error" error="Be sure to only use number grades and seperate decimals with a comma." promptTitle="Min. grade" prompt="Lowest possible grade at your home university." sqref="B16" xr:uid="{00000000-0002-0000-0000-00000F000000}">
      <formula1>ISNUMBER(B16:B18+B24:C103)</formula1>
    </dataValidation>
    <dataValidation type="custom" allowBlank="1" showInputMessage="1" showErrorMessage="1" errorTitle="Error" error="Be sure to only use number grades and seperate decimals with a comma." promptTitle="Max. grade" prompt="Maximum possible grade at your home university." sqref="B18" xr:uid="{00000000-0002-0000-0000-000010000000}">
      <formula1>ISNUMBER(B18:B19+B26:C105)</formula1>
    </dataValidation>
    <dataValidation type="list" operator="lessThan" allowBlank="1" showInputMessage="1" showErrorMessage="1" promptTitle="Degree" prompt="The full English title of your qualifying degree." sqref="B11:K11" xr:uid="{94EED650-B6B8-453C-A397-553DFAA03E57}">
      <formula1>$M$1:$M$5</formula1>
    </dataValidation>
  </dataValidations>
  <pageMargins left="0.7" right="0.7" top="0.75" bottom="0.75" header="0.3" footer="0.3"/>
  <pageSetup scale="64" fitToHeight="0" orientation="landscape" horizontalDpi="1200" verticalDpi="120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J73"/>
  <sheetViews>
    <sheetView showGridLines="0" zoomScale="85" zoomScaleNormal="85" workbookViewId="0">
      <selection activeCell="A17" sqref="A17:J29"/>
    </sheetView>
  </sheetViews>
  <sheetFormatPr defaultColWidth="9.1796875" defaultRowHeight="14.5"/>
  <cols>
    <col min="1" max="1" width="28.81640625" style="9" customWidth="1"/>
    <col min="2" max="2" width="43.453125" style="9" customWidth="1"/>
    <col min="3" max="16384" width="9.1796875" style="9"/>
  </cols>
  <sheetData>
    <row r="1" spans="1:10" ht="33.5">
      <c r="A1" s="215" t="s">
        <v>364</v>
      </c>
      <c r="B1" s="216"/>
      <c r="C1" s="216"/>
      <c r="D1" s="216"/>
      <c r="E1" s="216"/>
      <c r="F1" s="216"/>
      <c r="G1" s="216"/>
      <c r="H1" s="216"/>
      <c r="I1" s="216"/>
      <c r="J1" s="217"/>
    </row>
    <row r="2" spans="1:10" ht="23.5">
      <c r="A2" s="218" t="str">
        <f>'Pre-mapping'!A2:J2</f>
        <v>Industrial Engineering and Management</v>
      </c>
      <c r="B2" s="219"/>
      <c r="C2" s="219"/>
      <c r="D2" s="219"/>
      <c r="E2" s="219"/>
      <c r="F2" s="219"/>
      <c r="G2" s="219"/>
      <c r="H2" s="219"/>
      <c r="I2" s="219"/>
      <c r="J2" s="220"/>
    </row>
    <row r="3" spans="1:10" s="1" customFormat="1">
      <c r="A3" s="210" t="s">
        <v>378</v>
      </c>
      <c r="B3" s="211"/>
      <c r="C3" s="211"/>
      <c r="D3" s="211"/>
      <c r="E3" s="211"/>
      <c r="F3" s="211"/>
      <c r="G3" s="211"/>
      <c r="H3" s="211"/>
      <c r="I3" s="211"/>
      <c r="J3" s="212"/>
    </row>
    <row r="4" spans="1:10">
      <c r="A4" s="210"/>
      <c r="B4" s="211"/>
      <c r="C4" s="211"/>
      <c r="D4" s="211"/>
      <c r="E4" s="211"/>
      <c r="F4" s="211"/>
      <c r="G4" s="211"/>
      <c r="H4" s="211"/>
      <c r="I4" s="211"/>
      <c r="J4" s="212"/>
    </row>
    <row r="5" spans="1:10">
      <c r="A5" s="210"/>
      <c r="B5" s="211"/>
      <c r="C5" s="211"/>
      <c r="D5" s="211"/>
      <c r="E5" s="211"/>
      <c r="F5" s="211"/>
      <c r="G5" s="211"/>
      <c r="H5" s="211"/>
      <c r="I5" s="211"/>
      <c r="J5" s="212"/>
    </row>
    <row r="6" spans="1:10">
      <c r="A6" s="210"/>
      <c r="B6" s="211"/>
      <c r="C6" s="211"/>
      <c r="D6" s="211"/>
      <c r="E6" s="211"/>
      <c r="F6" s="211"/>
      <c r="G6" s="211"/>
      <c r="H6" s="211"/>
      <c r="I6" s="211"/>
      <c r="J6" s="212"/>
    </row>
    <row r="7" spans="1:10" ht="15" thickBot="1">
      <c r="A7" s="8"/>
      <c r="J7" s="10"/>
    </row>
    <row r="8" spans="1:10">
      <c r="A8" s="64" t="s">
        <v>253</v>
      </c>
      <c r="B8" s="221">
        <f>GPA!B5:J5</f>
        <v>0</v>
      </c>
      <c r="C8" s="222"/>
      <c r="D8" s="222"/>
      <c r="E8" s="222"/>
      <c r="F8" s="222"/>
      <c r="G8" s="222"/>
      <c r="H8" s="222"/>
      <c r="I8" s="222"/>
      <c r="J8" s="223"/>
    </row>
    <row r="9" spans="1:10">
      <c r="A9" s="65" t="s">
        <v>1</v>
      </c>
      <c r="B9" s="224">
        <f>GPA!B6:J6</f>
        <v>0</v>
      </c>
      <c r="C9" s="225"/>
      <c r="D9" s="225"/>
      <c r="E9" s="225"/>
      <c r="F9" s="225"/>
      <c r="G9" s="225"/>
      <c r="H9" s="225"/>
      <c r="I9" s="225"/>
      <c r="J9" s="226"/>
    </row>
    <row r="10" spans="1:10">
      <c r="A10" s="65" t="s">
        <v>0</v>
      </c>
      <c r="B10" s="224">
        <f>GPA!B7:J7</f>
        <v>0</v>
      </c>
      <c r="C10" s="225"/>
      <c r="D10" s="225"/>
      <c r="E10" s="225"/>
      <c r="F10" s="225"/>
      <c r="G10" s="225"/>
      <c r="H10" s="225"/>
      <c r="I10" s="225"/>
      <c r="J10" s="226"/>
    </row>
    <row r="11" spans="1:10" ht="15" thickBot="1">
      <c r="A11" s="4" t="s">
        <v>2</v>
      </c>
      <c r="B11" s="227">
        <f>GPA!B10:J10</f>
        <v>0</v>
      </c>
      <c r="C11" s="228"/>
      <c r="D11" s="228"/>
      <c r="E11" s="228"/>
      <c r="F11" s="228"/>
      <c r="G11" s="228"/>
      <c r="H11" s="228"/>
      <c r="I11" s="228"/>
      <c r="J11" s="229"/>
    </row>
    <row r="12" spans="1:10">
      <c r="A12" s="3"/>
      <c r="J12" s="10"/>
    </row>
    <row r="13" spans="1:10" ht="15" thickBot="1">
      <c r="A13" s="3"/>
      <c r="H13" s="209"/>
      <c r="I13" s="209"/>
      <c r="J13" s="10"/>
    </row>
    <row r="14" spans="1:10" ht="23.5">
      <c r="A14" s="5" t="s">
        <v>255</v>
      </c>
      <c r="B14" s="6"/>
      <c r="C14" s="55"/>
      <c r="D14" s="55"/>
      <c r="E14" s="230" t="str">
        <f>IF(ISBLANK(A17)=TRUE,"THIS AREA IS MANDATORY; you must fill it out.","")</f>
        <v>THIS AREA IS MANDATORY; you must fill it out.</v>
      </c>
      <c r="F14" s="230"/>
      <c r="G14" s="230"/>
      <c r="H14" s="230"/>
      <c r="I14" s="230"/>
      <c r="J14" s="231"/>
    </row>
    <row r="15" spans="1:10">
      <c r="A15" s="8"/>
      <c r="J15" s="10"/>
    </row>
    <row r="16" spans="1:10">
      <c r="A16" s="238" t="s">
        <v>361</v>
      </c>
      <c r="B16" s="239"/>
      <c r="C16" s="239"/>
      <c r="D16" s="239"/>
      <c r="E16" s="239"/>
      <c r="F16" s="239"/>
      <c r="G16" s="239"/>
      <c r="H16" s="239"/>
      <c r="I16" s="239"/>
      <c r="J16" s="240"/>
    </row>
    <row r="17" spans="1:10">
      <c r="A17" s="241"/>
      <c r="B17" s="242"/>
      <c r="C17" s="242"/>
      <c r="D17" s="242"/>
      <c r="E17" s="242"/>
      <c r="F17" s="242"/>
      <c r="G17" s="242"/>
      <c r="H17" s="242"/>
      <c r="I17" s="242"/>
      <c r="J17" s="243"/>
    </row>
    <row r="18" spans="1:10">
      <c r="A18" s="241"/>
      <c r="B18" s="242"/>
      <c r="C18" s="242"/>
      <c r="D18" s="242"/>
      <c r="E18" s="242"/>
      <c r="F18" s="242"/>
      <c r="G18" s="242"/>
      <c r="H18" s="242"/>
      <c r="I18" s="242"/>
      <c r="J18" s="243"/>
    </row>
    <row r="19" spans="1:10">
      <c r="A19" s="241"/>
      <c r="B19" s="242"/>
      <c r="C19" s="242"/>
      <c r="D19" s="242"/>
      <c r="E19" s="242"/>
      <c r="F19" s="242"/>
      <c r="G19" s="242"/>
      <c r="H19" s="242"/>
      <c r="I19" s="242"/>
      <c r="J19" s="243"/>
    </row>
    <row r="20" spans="1:10">
      <c r="A20" s="241"/>
      <c r="B20" s="242"/>
      <c r="C20" s="242"/>
      <c r="D20" s="242"/>
      <c r="E20" s="242"/>
      <c r="F20" s="242"/>
      <c r="G20" s="242"/>
      <c r="H20" s="242"/>
      <c r="I20" s="242"/>
      <c r="J20" s="243"/>
    </row>
    <row r="21" spans="1:10">
      <c r="A21" s="241"/>
      <c r="B21" s="242"/>
      <c r="C21" s="242"/>
      <c r="D21" s="242"/>
      <c r="E21" s="242"/>
      <c r="F21" s="242"/>
      <c r="G21" s="242"/>
      <c r="H21" s="242"/>
      <c r="I21" s="242"/>
      <c r="J21" s="243"/>
    </row>
    <row r="22" spans="1:10">
      <c r="A22" s="241"/>
      <c r="B22" s="242"/>
      <c r="C22" s="242"/>
      <c r="D22" s="242"/>
      <c r="E22" s="242"/>
      <c r="F22" s="242"/>
      <c r="G22" s="242"/>
      <c r="H22" s="242"/>
      <c r="I22" s="242"/>
      <c r="J22" s="243"/>
    </row>
    <row r="23" spans="1:10">
      <c r="A23" s="241"/>
      <c r="B23" s="242"/>
      <c r="C23" s="242"/>
      <c r="D23" s="242"/>
      <c r="E23" s="242"/>
      <c r="F23" s="242"/>
      <c r="G23" s="242"/>
      <c r="H23" s="242"/>
      <c r="I23" s="242"/>
      <c r="J23" s="243"/>
    </row>
    <row r="24" spans="1:10">
      <c r="A24" s="241"/>
      <c r="B24" s="242"/>
      <c r="C24" s="242"/>
      <c r="D24" s="242"/>
      <c r="E24" s="242"/>
      <c r="F24" s="242"/>
      <c r="G24" s="242"/>
      <c r="H24" s="242"/>
      <c r="I24" s="242"/>
      <c r="J24" s="243"/>
    </row>
    <row r="25" spans="1:10">
      <c r="A25" s="241"/>
      <c r="B25" s="242"/>
      <c r="C25" s="242"/>
      <c r="D25" s="242"/>
      <c r="E25" s="242"/>
      <c r="F25" s="242"/>
      <c r="G25" s="242"/>
      <c r="H25" s="242"/>
      <c r="I25" s="242"/>
      <c r="J25" s="243"/>
    </row>
    <row r="26" spans="1:10">
      <c r="A26" s="241"/>
      <c r="B26" s="242"/>
      <c r="C26" s="242"/>
      <c r="D26" s="242"/>
      <c r="E26" s="242"/>
      <c r="F26" s="242"/>
      <c r="G26" s="242"/>
      <c r="H26" s="242"/>
      <c r="I26" s="242"/>
      <c r="J26" s="243"/>
    </row>
    <row r="27" spans="1:10">
      <c r="A27" s="241"/>
      <c r="B27" s="242"/>
      <c r="C27" s="242"/>
      <c r="D27" s="242"/>
      <c r="E27" s="242"/>
      <c r="F27" s="242"/>
      <c r="G27" s="242"/>
      <c r="H27" s="242"/>
      <c r="I27" s="242"/>
      <c r="J27" s="243"/>
    </row>
    <row r="28" spans="1:10">
      <c r="A28" s="241"/>
      <c r="B28" s="242"/>
      <c r="C28" s="242"/>
      <c r="D28" s="242"/>
      <c r="E28" s="242"/>
      <c r="F28" s="242"/>
      <c r="G28" s="242"/>
      <c r="H28" s="242"/>
      <c r="I28" s="242"/>
      <c r="J28" s="243"/>
    </row>
    <row r="29" spans="1:10">
      <c r="A29" s="241"/>
      <c r="B29" s="242"/>
      <c r="C29" s="242"/>
      <c r="D29" s="242"/>
      <c r="E29" s="242"/>
      <c r="F29" s="242"/>
      <c r="G29" s="242"/>
      <c r="H29" s="242"/>
      <c r="I29" s="242"/>
      <c r="J29" s="243"/>
    </row>
    <row r="30" spans="1:10">
      <c r="A30" s="8"/>
      <c r="J30" s="10"/>
    </row>
    <row r="31" spans="1:10">
      <c r="A31" s="244" t="s">
        <v>376</v>
      </c>
      <c r="B31" s="245"/>
      <c r="C31" s="245"/>
      <c r="D31" s="245"/>
      <c r="E31" s="245"/>
      <c r="F31" s="245"/>
      <c r="G31" s="245"/>
      <c r="H31" s="245"/>
      <c r="I31" s="245"/>
      <c r="J31" s="246"/>
    </row>
    <row r="32" spans="1:10" ht="18.75" customHeight="1">
      <c r="A32" s="207" t="s">
        <v>367</v>
      </c>
      <c r="B32" s="205" t="s">
        <v>368</v>
      </c>
      <c r="C32" s="236"/>
      <c r="D32" s="236"/>
      <c r="E32" s="232" t="str">
        <f>IF(OR(ISBLANK(A34)=TRUE,ISBLANK(B34)=TRUE,ISBLANK(A35)=TRUE,ISBLANK(B35)=TRUE),"THIS AREA IS MANDATORY; you must fill it out.","")</f>
        <v>THIS AREA IS MANDATORY; you must fill it out.</v>
      </c>
      <c r="F32" s="232"/>
      <c r="G32" s="232"/>
      <c r="H32" s="232"/>
      <c r="I32" s="232"/>
      <c r="J32" s="233"/>
    </row>
    <row r="33" spans="1:10">
      <c r="A33" s="208"/>
      <c r="B33" s="206"/>
      <c r="C33" s="237"/>
      <c r="D33" s="237"/>
      <c r="E33" s="234"/>
      <c r="F33" s="234"/>
      <c r="G33" s="234"/>
      <c r="H33" s="234"/>
      <c r="I33" s="234"/>
      <c r="J33" s="235"/>
    </row>
    <row r="34" spans="1:10">
      <c r="A34" s="23"/>
      <c r="B34" s="213"/>
      <c r="C34" s="213"/>
      <c r="D34" s="213"/>
      <c r="E34" s="213"/>
      <c r="F34" s="213"/>
      <c r="G34" s="213"/>
      <c r="H34" s="213"/>
      <c r="I34" s="213"/>
      <c r="J34" s="214"/>
    </row>
    <row r="35" spans="1:10">
      <c r="A35" s="23"/>
      <c r="B35" s="213"/>
      <c r="C35" s="213"/>
      <c r="D35" s="213"/>
      <c r="E35" s="213"/>
      <c r="F35" s="213"/>
      <c r="G35" s="213"/>
      <c r="H35" s="213"/>
      <c r="I35" s="213"/>
      <c r="J35" s="214"/>
    </row>
    <row r="36" spans="1:10">
      <c r="A36" s="63" t="s">
        <v>363</v>
      </c>
      <c r="B36" s="54" t="s">
        <v>377</v>
      </c>
      <c r="J36" s="10"/>
    </row>
    <row r="37" spans="1:10">
      <c r="A37" s="62"/>
      <c r="B37" s="61"/>
      <c r="C37" s="61"/>
      <c r="D37" s="61"/>
      <c r="E37" s="61"/>
      <c r="F37" s="61"/>
      <c r="G37" s="61"/>
      <c r="H37" s="61"/>
      <c r="I37" s="61"/>
      <c r="J37" s="66"/>
    </row>
    <row r="38" spans="1:10">
      <c r="A38" s="201" t="s">
        <v>369</v>
      </c>
      <c r="B38" s="202"/>
      <c r="C38" s="202"/>
      <c r="D38" s="202"/>
      <c r="E38" s="203" t="str">
        <f>IF(ISBLANK(A39)=TRUE,"THIS AREA IS MANDATORY; you must fill it out.","")</f>
        <v>THIS AREA IS MANDATORY; you must fill it out.</v>
      </c>
      <c r="F38" s="203"/>
      <c r="G38" s="203"/>
      <c r="H38" s="203"/>
      <c r="I38" s="203"/>
      <c r="J38" s="204"/>
    </row>
    <row r="39" spans="1:10">
      <c r="A39" s="195"/>
      <c r="B39" s="196"/>
      <c r="C39" s="196"/>
      <c r="D39" s="196"/>
      <c r="E39" s="196"/>
      <c r="F39" s="196"/>
      <c r="G39" s="196"/>
      <c r="H39" s="196"/>
      <c r="I39" s="196"/>
      <c r="J39" s="197"/>
    </row>
    <row r="40" spans="1:10">
      <c r="A40" s="195"/>
      <c r="B40" s="196"/>
      <c r="C40" s="196"/>
      <c r="D40" s="196"/>
      <c r="E40" s="196"/>
      <c r="F40" s="196"/>
      <c r="G40" s="196"/>
      <c r="H40" s="196"/>
      <c r="I40" s="196"/>
      <c r="J40" s="197"/>
    </row>
    <row r="41" spans="1:10">
      <c r="A41" s="195"/>
      <c r="B41" s="196"/>
      <c r="C41" s="196"/>
      <c r="D41" s="196"/>
      <c r="E41" s="196"/>
      <c r="F41" s="196"/>
      <c r="G41" s="196"/>
      <c r="H41" s="196"/>
      <c r="I41" s="196"/>
      <c r="J41" s="197"/>
    </row>
    <row r="42" spans="1:10">
      <c r="A42" s="195"/>
      <c r="B42" s="196"/>
      <c r="C42" s="196"/>
      <c r="D42" s="196"/>
      <c r="E42" s="196"/>
      <c r="F42" s="196"/>
      <c r="G42" s="196"/>
      <c r="H42" s="196"/>
      <c r="I42" s="196"/>
      <c r="J42" s="197"/>
    </row>
    <row r="43" spans="1:10">
      <c r="A43" s="195"/>
      <c r="B43" s="196"/>
      <c r="C43" s="196"/>
      <c r="D43" s="196"/>
      <c r="E43" s="196"/>
      <c r="F43" s="196"/>
      <c r="G43" s="196"/>
      <c r="H43" s="196"/>
      <c r="I43" s="196"/>
      <c r="J43" s="197"/>
    </row>
    <row r="44" spans="1:10">
      <c r="A44" s="195"/>
      <c r="B44" s="196"/>
      <c r="C44" s="196"/>
      <c r="D44" s="196"/>
      <c r="E44" s="196"/>
      <c r="F44" s="196"/>
      <c r="G44" s="196"/>
      <c r="H44" s="196"/>
      <c r="I44" s="196"/>
      <c r="J44" s="197"/>
    </row>
    <row r="45" spans="1:10">
      <c r="A45" s="195"/>
      <c r="B45" s="196"/>
      <c r="C45" s="196"/>
      <c r="D45" s="196"/>
      <c r="E45" s="196"/>
      <c r="F45" s="196"/>
      <c r="G45" s="196"/>
      <c r="H45" s="196"/>
      <c r="I45" s="196"/>
      <c r="J45" s="197"/>
    </row>
    <row r="46" spans="1:10" ht="15" thickBot="1">
      <c r="A46" s="198"/>
      <c r="B46" s="199"/>
      <c r="C46" s="199"/>
      <c r="D46" s="199"/>
      <c r="E46" s="199"/>
      <c r="F46" s="199"/>
      <c r="G46" s="199"/>
      <c r="H46" s="199"/>
      <c r="I46" s="199"/>
      <c r="J46" s="200"/>
    </row>
    <row r="47" spans="1:10">
      <c r="A47" s="8"/>
      <c r="J47" s="10"/>
    </row>
    <row r="48" spans="1:10" ht="15" thickBot="1">
      <c r="A48" s="8"/>
      <c r="J48" s="10"/>
    </row>
    <row r="49" spans="1:10" ht="21">
      <c r="A49" s="5" t="s">
        <v>256</v>
      </c>
      <c r="B49" s="6"/>
      <c r="C49" s="6"/>
      <c r="D49" s="6"/>
      <c r="E49" s="6"/>
      <c r="F49" s="6"/>
      <c r="G49" s="6"/>
      <c r="H49" s="6"/>
      <c r="I49" s="6"/>
      <c r="J49" s="7"/>
    </row>
    <row r="50" spans="1:10">
      <c r="A50" s="195"/>
      <c r="B50" s="196"/>
      <c r="C50" s="196"/>
      <c r="D50" s="196"/>
      <c r="E50" s="196"/>
      <c r="F50" s="196"/>
      <c r="G50" s="196"/>
      <c r="H50" s="196"/>
      <c r="I50" s="196"/>
      <c r="J50" s="197"/>
    </row>
    <row r="51" spans="1:10">
      <c r="A51" s="195"/>
      <c r="B51" s="196"/>
      <c r="C51" s="196"/>
      <c r="D51" s="196"/>
      <c r="E51" s="196"/>
      <c r="F51" s="196"/>
      <c r="G51" s="196"/>
      <c r="H51" s="196"/>
      <c r="I51" s="196"/>
      <c r="J51" s="197"/>
    </row>
    <row r="52" spans="1:10">
      <c r="A52" s="195"/>
      <c r="B52" s="196"/>
      <c r="C52" s="196"/>
      <c r="D52" s="196"/>
      <c r="E52" s="196"/>
      <c r="F52" s="196"/>
      <c r="G52" s="196"/>
      <c r="H52" s="196"/>
      <c r="I52" s="196"/>
      <c r="J52" s="197"/>
    </row>
    <row r="53" spans="1:10">
      <c r="A53" s="195"/>
      <c r="B53" s="196"/>
      <c r="C53" s="196"/>
      <c r="D53" s="196"/>
      <c r="E53" s="196"/>
      <c r="F53" s="196"/>
      <c r="G53" s="196"/>
      <c r="H53" s="196"/>
      <c r="I53" s="196"/>
      <c r="J53" s="197"/>
    </row>
    <row r="54" spans="1:10">
      <c r="A54" s="195"/>
      <c r="B54" s="196"/>
      <c r="C54" s="196"/>
      <c r="D54" s="196"/>
      <c r="E54" s="196"/>
      <c r="F54" s="196"/>
      <c r="G54" s="196"/>
      <c r="H54" s="196"/>
      <c r="I54" s="196"/>
      <c r="J54" s="197"/>
    </row>
    <row r="55" spans="1:10">
      <c r="A55" s="195"/>
      <c r="B55" s="196"/>
      <c r="C55" s="196"/>
      <c r="D55" s="196"/>
      <c r="E55" s="196"/>
      <c r="F55" s="196"/>
      <c r="G55" s="196"/>
      <c r="H55" s="196"/>
      <c r="I55" s="196"/>
      <c r="J55" s="197"/>
    </row>
    <row r="56" spans="1:10">
      <c r="A56" s="195"/>
      <c r="B56" s="196"/>
      <c r="C56" s="196"/>
      <c r="D56" s="196"/>
      <c r="E56" s="196"/>
      <c r="F56" s="196"/>
      <c r="G56" s="196"/>
      <c r="H56" s="196"/>
      <c r="I56" s="196"/>
      <c r="J56" s="197"/>
    </row>
    <row r="57" spans="1:10" ht="15" thickBot="1">
      <c r="A57" s="198"/>
      <c r="B57" s="199"/>
      <c r="C57" s="199"/>
      <c r="D57" s="199"/>
      <c r="E57" s="199"/>
      <c r="F57" s="199"/>
      <c r="G57" s="199"/>
      <c r="H57" s="199"/>
      <c r="I57" s="199"/>
      <c r="J57" s="200"/>
    </row>
    <row r="58" spans="1:10">
      <c r="A58" s="8"/>
      <c r="J58" s="10"/>
    </row>
    <row r="59" spans="1:10" ht="15" thickBot="1">
      <c r="A59" s="8"/>
      <c r="J59" s="10"/>
    </row>
    <row r="60" spans="1:10" ht="21">
      <c r="A60" s="56" t="s">
        <v>257</v>
      </c>
      <c r="B60" s="57"/>
      <c r="C60" s="57"/>
      <c r="D60" s="57"/>
      <c r="E60" s="57"/>
      <c r="F60" s="57"/>
      <c r="G60" s="57"/>
      <c r="H60" s="60"/>
      <c r="I60" s="58" t="s">
        <v>259</v>
      </c>
      <c r="J60" s="59"/>
    </row>
    <row r="61" spans="1:10">
      <c r="A61" s="11" t="s">
        <v>258</v>
      </c>
      <c r="J61" s="10"/>
    </row>
    <row r="62" spans="1:10">
      <c r="A62" s="195"/>
      <c r="B62" s="196"/>
      <c r="C62" s="196"/>
      <c r="D62" s="196"/>
      <c r="E62" s="196"/>
      <c r="F62" s="196"/>
      <c r="G62" s="196"/>
      <c r="H62" s="196"/>
      <c r="I62" s="196"/>
      <c r="J62" s="197"/>
    </row>
    <row r="63" spans="1:10">
      <c r="A63" s="195"/>
      <c r="B63" s="196"/>
      <c r="C63" s="196"/>
      <c r="D63" s="196"/>
      <c r="E63" s="196"/>
      <c r="F63" s="196"/>
      <c r="G63" s="196"/>
      <c r="H63" s="196"/>
      <c r="I63" s="196"/>
      <c r="J63" s="197"/>
    </row>
    <row r="64" spans="1:10">
      <c r="A64" s="195"/>
      <c r="B64" s="196"/>
      <c r="C64" s="196"/>
      <c r="D64" s="196"/>
      <c r="E64" s="196"/>
      <c r="F64" s="196"/>
      <c r="G64" s="196"/>
      <c r="H64" s="196"/>
      <c r="I64" s="196"/>
      <c r="J64" s="197"/>
    </row>
    <row r="65" spans="1:10">
      <c r="A65" s="195"/>
      <c r="B65" s="196"/>
      <c r="C65" s="196"/>
      <c r="D65" s="196"/>
      <c r="E65" s="196"/>
      <c r="F65" s="196"/>
      <c r="G65" s="196"/>
      <c r="H65" s="196"/>
      <c r="I65" s="196"/>
      <c r="J65" s="197"/>
    </row>
    <row r="66" spans="1:10">
      <c r="A66" s="195"/>
      <c r="B66" s="196"/>
      <c r="C66" s="196"/>
      <c r="D66" s="196"/>
      <c r="E66" s="196"/>
      <c r="F66" s="196"/>
      <c r="G66" s="196"/>
      <c r="H66" s="196"/>
      <c r="I66" s="196"/>
      <c r="J66" s="197"/>
    </row>
    <row r="67" spans="1:10">
      <c r="A67" s="195"/>
      <c r="B67" s="196"/>
      <c r="C67" s="196"/>
      <c r="D67" s="196"/>
      <c r="E67" s="196"/>
      <c r="F67" s="196"/>
      <c r="G67" s="196"/>
      <c r="H67" s="196"/>
      <c r="I67" s="196"/>
      <c r="J67" s="197"/>
    </row>
    <row r="68" spans="1:10">
      <c r="A68" s="195"/>
      <c r="B68" s="196"/>
      <c r="C68" s="196"/>
      <c r="D68" s="196"/>
      <c r="E68" s="196"/>
      <c r="F68" s="196"/>
      <c r="G68" s="196"/>
      <c r="H68" s="196"/>
      <c r="I68" s="196"/>
      <c r="J68" s="197"/>
    </row>
    <row r="69" spans="1:10" ht="15" thickBot="1">
      <c r="A69" s="198"/>
      <c r="B69" s="199"/>
      <c r="C69" s="199"/>
      <c r="D69" s="199"/>
      <c r="E69" s="199"/>
      <c r="F69" s="199"/>
      <c r="G69" s="199"/>
      <c r="H69" s="199"/>
      <c r="I69" s="199"/>
      <c r="J69" s="200"/>
    </row>
    <row r="70" spans="1:10">
      <c r="A70" s="8"/>
      <c r="J70" s="10"/>
    </row>
    <row r="71" spans="1:10" ht="15" thickBot="1">
      <c r="A71" s="8"/>
      <c r="J71" s="10"/>
    </row>
    <row r="72" spans="1:10" ht="21">
      <c r="A72" s="186" t="s">
        <v>404</v>
      </c>
      <c r="B72" s="187"/>
      <c r="C72" s="187"/>
      <c r="D72" s="187"/>
      <c r="E72" s="187"/>
      <c r="F72" s="187"/>
      <c r="G72" s="187"/>
      <c r="H72" s="188"/>
      <c r="I72" s="94" t="s">
        <v>259</v>
      </c>
      <c r="J72" s="59"/>
    </row>
    <row r="73" spans="1:10" ht="15" thickBot="1">
      <c r="A73" s="189" t="s">
        <v>405</v>
      </c>
      <c r="B73" s="190"/>
      <c r="C73" s="190"/>
      <c r="D73" s="190"/>
      <c r="E73" s="190"/>
      <c r="F73" s="190"/>
      <c r="G73" s="191" t="s">
        <v>406</v>
      </c>
      <c r="H73" s="192"/>
      <c r="I73" s="193"/>
      <c r="J73" s="194"/>
    </row>
  </sheetData>
  <sheetProtection algorithmName="SHA-512" hashValue="Ftgil2kficncpunAvVlOl539jh/GPPv+OifXLCRQK2gfuqQSzXD+sdxtfCYR+oXA8pnFRrcrbSUKDwO1GRJ+YQ==" saltValue="fZ3xjMrpzw74K9pBg9P+dg==" spinCount="100000" sheet="1" selectLockedCells="1"/>
  <mergeCells count="27">
    <mergeCell ref="H13:I13"/>
    <mergeCell ref="A3:J6"/>
    <mergeCell ref="B34:J34"/>
    <mergeCell ref="B35:J35"/>
    <mergeCell ref="A1:J1"/>
    <mergeCell ref="A2:J2"/>
    <mergeCell ref="B8:J8"/>
    <mergeCell ref="B9:J9"/>
    <mergeCell ref="B10:J10"/>
    <mergeCell ref="B11:J11"/>
    <mergeCell ref="E14:J14"/>
    <mergeCell ref="E32:J33"/>
    <mergeCell ref="C32:D33"/>
    <mergeCell ref="A16:J16"/>
    <mergeCell ref="A17:J29"/>
    <mergeCell ref="A31:J31"/>
    <mergeCell ref="A39:J46"/>
    <mergeCell ref="A50:J57"/>
    <mergeCell ref="A38:D38"/>
    <mergeCell ref="E38:J38"/>
    <mergeCell ref="B32:B33"/>
    <mergeCell ref="A32:A33"/>
    <mergeCell ref="A72:H72"/>
    <mergeCell ref="A73:F73"/>
    <mergeCell ref="G73:H73"/>
    <mergeCell ref="I73:J73"/>
    <mergeCell ref="A62:J69"/>
  </mergeCells>
  <dataValidations count="8">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34" xr:uid="{00000000-0002-0000-0100-000002000000}">
      <formula1>0</formula1>
      <formula2>99999</formula2>
    </dataValidation>
    <dataValidation type="whole" allowBlank="1" showInputMessage="1" showErrorMessage="1" promptTitle="Mandatory" prompt="Field must be filled." sqref="A35" xr:uid="{00000000-0002-0000-0100-000003000000}">
      <formula1>0</formula1>
      <formula2>99999</formula2>
    </dataValidation>
    <dataValidation type="textLength" operator="lessThan" allowBlank="1" showInputMessage="1" showErrorMessage="1" promptTitle="Mandatory" prompt="Field must be filled." sqref="B34:J35" xr:uid="{00000000-0002-0000-0100-000004000000}">
      <formula1>76</formula1>
    </dataValidation>
    <dataValidation type="textLength" operator="lessThan" allowBlank="1" showInputMessage="1" showErrorMessage="1" promptTitle="Mandatory" prompt="FIeld must be filled." sqref="A39:J46" xr:uid="{00000000-0002-0000-0100-000005000000}">
      <formula1>501</formula1>
    </dataValidation>
    <dataValidation type="textLength" operator="lessThan" allowBlank="1" showInputMessage="1" showErrorMessage="1" sqref="A62:J69" xr:uid="{00000000-0002-0000-0100-000006000000}">
      <formula1>501</formula1>
    </dataValidation>
    <dataValidation type="whole" allowBlank="1" showErrorMessage="1" errorTitle="Student number error." error="Please insert your current 6-digit student number. (e.g. 210000)" sqref="I73:J73" xr:uid="{00000000-0002-0000-0100-000007000000}">
      <formula1>160000</formula1>
      <formula2>290000</formula2>
    </dataValidation>
  </dataValidations>
  <hyperlinks>
    <hyperlink ref="B36" r:id="rId1" xr:uid="{00000000-0004-0000-0100-000000000000}"/>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8000000}">
          <x14:formula1>
            <xm:f>Countries!$J$18:$J$19</xm:f>
          </x14:formula1>
          <xm:sqref>J60 J72</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AN63"/>
  <sheetViews>
    <sheetView showGridLines="0" zoomScale="60" zoomScaleNormal="140" workbookViewId="0">
      <selection activeCell="A34" sqref="A34:J34"/>
    </sheetView>
  </sheetViews>
  <sheetFormatPr defaultColWidth="8.6328125" defaultRowHeight="14.5"/>
  <cols>
    <col min="2" max="2" width="10.81640625" customWidth="1"/>
    <col min="13" max="13" width="9.1796875" style="9" customWidth="1"/>
  </cols>
  <sheetData>
    <row r="1" spans="1:20" ht="28.5">
      <c r="A1" s="255" t="s">
        <v>373</v>
      </c>
      <c r="B1" s="256"/>
      <c r="C1" s="256"/>
      <c r="D1" s="256"/>
      <c r="E1" s="256"/>
      <c r="F1" s="256"/>
      <c r="G1" s="256"/>
      <c r="H1" s="256"/>
      <c r="I1" s="256"/>
      <c r="J1" s="257"/>
    </row>
    <row r="2" spans="1:20" ht="24" thickBot="1">
      <c r="A2" s="258" t="s">
        <v>380</v>
      </c>
      <c r="B2" s="259"/>
      <c r="C2" s="259"/>
      <c r="D2" s="259"/>
      <c r="E2" s="259"/>
      <c r="F2" s="259"/>
      <c r="G2" s="259"/>
      <c r="H2" s="259"/>
      <c r="I2" s="259"/>
      <c r="J2" s="260"/>
    </row>
    <row r="3" spans="1:20" ht="15" thickBot="1">
      <c r="A3" s="24"/>
      <c r="J3" s="18"/>
    </row>
    <row r="4" spans="1:20" ht="15" thickBot="1">
      <c r="A4" s="261" t="s">
        <v>359</v>
      </c>
      <c r="B4" s="262"/>
      <c r="C4" s="262"/>
      <c r="D4" s="262"/>
      <c r="E4" s="262"/>
      <c r="F4" s="262"/>
      <c r="G4" s="262"/>
      <c r="H4" s="262"/>
      <c r="I4" s="262"/>
      <c r="J4" s="263"/>
    </row>
    <row r="5" spans="1:20">
      <c r="A5" s="264">
        <f>GPA!B5</f>
        <v>0</v>
      </c>
      <c r="B5" s="265"/>
      <c r="C5" s="265"/>
      <c r="D5" s="265"/>
      <c r="E5" s="265"/>
      <c r="F5" s="265"/>
      <c r="G5" s="265"/>
      <c r="H5" s="265"/>
      <c r="I5" s="265"/>
      <c r="J5" s="266"/>
    </row>
    <row r="6" spans="1:20" ht="15" thickBot="1">
      <c r="A6" s="67"/>
      <c r="J6" s="18"/>
    </row>
    <row r="7" spans="1:20" ht="15" thickBot="1">
      <c r="A7" s="261" t="s">
        <v>365</v>
      </c>
      <c r="B7" s="262"/>
      <c r="C7" s="262"/>
      <c r="D7" s="262"/>
      <c r="E7" s="262"/>
      <c r="F7" s="262"/>
      <c r="G7" s="262"/>
      <c r="H7" s="262"/>
      <c r="I7" s="262"/>
      <c r="J7" s="263"/>
    </row>
    <row r="8" spans="1:20" ht="15" thickBot="1">
      <c r="A8" s="264">
        <f>GPA!B7</f>
        <v>0</v>
      </c>
      <c r="B8" s="265"/>
      <c r="C8" s="265"/>
      <c r="D8" s="265"/>
      <c r="E8" s="265"/>
      <c r="F8" s="265"/>
      <c r="G8" s="265"/>
      <c r="H8" s="265"/>
      <c r="I8" s="265"/>
      <c r="J8" s="266"/>
    </row>
    <row r="9" spans="1:20" ht="15" thickBot="1">
      <c r="A9" s="261" t="s">
        <v>360</v>
      </c>
      <c r="B9" s="262"/>
      <c r="C9" s="262"/>
      <c r="D9" s="262"/>
      <c r="E9" s="262"/>
      <c r="F9" s="262"/>
      <c r="G9" s="262"/>
      <c r="H9" s="262"/>
      <c r="I9" s="262"/>
      <c r="J9" s="263"/>
    </row>
    <row r="10" spans="1:20">
      <c r="A10" s="264">
        <f>GPA!B6</f>
        <v>0</v>
      </c>
      <c r="B10" s="265"/>
      <c r="C10" s="265"/>
      <c r="D10" s="265"/>
      <c r="E10" s="265"/>
      <c r="F10" s="265"/>
      <c r="G10" s="265"/>
      <c r="H10" s="265"/>
      <c r="I10" s="265"/>
      <c r="J10" s="266"/>
    </row>
    <row r="11" spans="1:20">
      <c r="A11" s="67"/>
      <c r="J11" s="18"/>
    </row>
    <row r="12" spans="1:20" ht="165.75" customHeight="1">
      <c r="A12" s="267" t="s">
        <v>370</v>
      </c>
      <c r="B12" s="268"/>
      <c r="C12" s="268"/>
      <c r="D12" s="268"/>
      <c r="E12" s="268"/>
      <c r="F12" s="268"/>
      <c r="G12" s="268"/>
      <c r="H12" s="268"/>
      <c r="I12" s="268"/>
      <c r="J12" s="269"/>
    </row>
    <row r="13" spans="1:20">
      <c r="A13" s="67"/>
      <c r="J13" s="18"/>
    </row>
    <row r="14" spans="1:20">
      <c r="A14" s="67"/>
      <c r="J14" s="18"/>
    </row>
    <row r="15" spans="1:20" ht="23.5">
      <c r="A15" s="270" t="s">
        <v>381</v>
      </c>
      <c r="B15" s="271"/>
      <c r="C15" s="271"/>
      <c r="D15" s="271"/>
      <c r="E15" s="271"/>
      <c r="F15" s="271"/>
      <c r="G15" s="271"/>
      <c r="H15" s="271"/>
      <c r="I15" s="271"/>
      <c r="J15" s="272"/>
    </row>
    <row r="16" spans="1:20" ht="71.5" customHeight="1">
      <c r="A16" s="273" t="s">
        <v>366</v>
      </c>
      <c r="B16" s="274"/>
      <c r="C16" s="275" t="s">
        <v>379</v>
      </c>
      <c r="D16" s="276"/>
      <c r="E16" s="276"/>
      <c r="F16" s="276"/>
      <c r="G16" s="277" t="s">
        <v>371</v>
      </c>
      <c r="H16" s="276"/>
      <c r="I16" s="276"/>
      <c r="J16" s="278"/>
      <c r="Q16" s="145"/>
      <c r="R16" s="145"/>
      <c r="S16" s="145"/>
      <c r="T16" s="145"/>
    </row>
    <row r="17" spans="1:40" ht="84" customHeight="1">
      <c r="A17" s="247" t="s">
        <v>382</v>
      </c>
      <c r="B17" s="248"/>
      <c r="C17" s="249"/>
      <c r="D17" s="249"/>
      <c r="E17" s="249"/>
      <c r="F17" s="249"/>
      <c r="G17" s="249"/>
      <c r="H17" s="249"/>
      <c r="I17" s="249"/>
      <c r="J17" s="250"/>
    </row>
    <row r="18" spans="1:40" ht="58" customHeight="1">
      <c r="A18" s="247" t="s">
        <v>424</v>
      </c>
      <c r="B18" s="248"/>
      <c r="C18" s="249"/>
      <c r="D18" s="249"/>
      <c r="E18" s="249"/>
      <c r="F18" s="249"/>
      <c r="G18" s="249"/>
      <c r="H18" s="249"/>
      <c r="I18" s="249"/>
      <c r="J18" s="250"/>
      <c r="O18" s="145"/>
      <c r="P18" s="145"/>
      <c r="Q18" s="145"/>
      <c r="R18" s="145"/>
      <c r="S18" s="145"/>
      <c r="T18" s="145"/>
      <c r="U18" s="145"/>
      <c r="V18" s="145"/>
      <c r="W18" s="145"/>
      <c r="X18" s="145"/>
      <c r="AA18" s="145"/>
      <c r="AB18" s="145"/>
      <c r="AC18" s="145"/>
      <c r="AD18" s="145"/>
    </row>
    <row r="19" spans="1:40" ht="69.75" customHeight="1">
      <c r="A19" s="251" t="s">
        <v>383</v>
      </c>
      <c r="B19" s="252"/>
      <c r="C19" s="253"/>
      <c r="D19" s="253"/>
      <c r="E19" s="253"/>
      <c r="F19" s="253"/>
      <c r="G19" s="253"/>
      <c r="H19" s="253"/>
      <c r="I19" s="253"/>
      <c r="J19" s="254"/>
      <c r="O19" s="145"/>
      <c r="P19" s="145"/>
      <c r="Q19" s="145"/>
      <c r="R19" s="145"/>
      <c r="S19" s="145"/>
      <c r="T19" s="145"/>
      <c r="U19" s="145"/>
      <c r="V19" s="145"/>
      <c r="W19" s="145"/>
      <c r="X19" s="145"/>
    </row>
    <row r="20" spans="1:40" ht="22" customHeight="1">
      <c r="A20" s="67"/>
      <c r="C20" s="68"/>
      <c r="D20" s="68"/>
      <c r="E20" s="68"/>
      <c r="F20" s="68"/>
      <c r="G20" s="68"/>
      <c r="H20" s="68"/>
      <c r="I20" s="68"/>
      <c r="J20" s="69"/>
    </row>
    <row r="21" spans="1:40" ht="30.75" customHeight="1">
      <c r="A21" s="287" t="s">
        <v>420</v>
      </c>
      <c r="B21" s="288"/>
      <c r="C21" s="288"/>
      <c r="D21" s="288"/>
      <c r="E21" s="288"/>
      <c r="F21" s="288"/>
      <c r="G21" s="288"/>
      <c r="H21" s="288"/>
      <c r="I21" s="288"/>
      <c r="J21" s="289"/>
      <c r="O21" s="145"/>
      <c r="P21" s="145"/>
      <c r="Q21" s="145"/>
      <c r="R21" s="145"/>
      <c r="S21" s="145"/>
      <c r="T21" s="145"/>
      <c r="U21" s="145"/>
      <c r="V21" s="145"/>
      <c r="W21" s="145"/>
      <c r="X21" s="145"/>
    </row>
    <row r="22" spans="1:40" ht="68.5" customHeight="1">
      <c r="A22" s="285" t="s">
        <v>366</v>
      </c>
      <c r="B22" s="286"/>
      <c r="C22" s="275" t="s">
        <v>379</v>
      </c>
      <c r="D22" s="276"/>
      <c r="E22" s="276"/>
      <c r="F22" s="276"/>
      <c r="G22" s="277" t="s">
        <v>371</v>
      </c>
      <c r="H22" s="276"/>
      <c r="I22" s="276"/>
      <c r="J22" s="278"/>
      <c r="O22" s="145"/>
      <c r="P22" s="145"/>
      <c r="Q22" s="145"/>
      <c r="R22" s="145"/>
      <c r="S22" s="145"/>
      <c r="T22" s="145"/>
      <c r="U22" s="145"/>
      <c r="V22" s="145"/>
      <c r="W22" s="145"/>
      <c r="X22" s="145"/>
    </row>
    <row r="23" spans="1:40" ht="68.5" customHeight="1">
      <c r="A23" s="247" t="s">
        <v>423</v>
      </c>
      <c r="B23" s="248"/>
      <c r="C23" s="249"/>
      <c r="D23" s="249"/>
      <c r="E23" s="249"/>
      <c r="F23" s="249"/>
      <c r="G23" s="249"/>
      <c r="H23" s="249"/>
      <c r="I23" s="249"/>
      <c r="J23" s="250"/>
    </row>
    <row r="24" spans="1:40" ht="84" customHeight="1">
      <c r="A24" s="247" t="s">
        <v>425</v>
      </c>
      <c r="B24" s="248"/>
      <c r="C24" s="249"/>
      <c r="D24" s="249"/>
      <c r="E24" s="249"/>
      <c r="F24" s="249"/>
      <c r="G24" s="249"/>
      <c r="H24" s="249"/>
      <c r="I24" s="249"/>
      <c r="J24" s="250"/>
      <c r="M24"/>
      <c r="O24" s="145"/>
      <c r="P24" s="145"/>
      <c r="Q24" s="145"/>
      <c r="R24" s="145"/>
      <c r="S24" s="145"/>
      <c r="T24" s="145"/>
      <c r="U24" s="145"/>
      <c r="V24" s="145"/>
      <c r="W24" s="145"/>
      <c r="X24" s="145"/>
    </row>
    <row r="25" spans="1:40" ht="97" customHeight="1">
      <c r="A25" s="247" t="s">
        <v>426</v>
      </c>
      <c r="B25" s="248"/>
      <c r="C25" s="249"/>
      <c r="D25" s="249"/>
      <c r="E25" s="249"/>
      <c r="F25" s="249"/>
      <c r="G25" s="249"/>
      <c r="H25" s="249"/>
      <c r="I25" s="249"/>
      <c r="J25" s="250"/>
      <c r="M25"/>
    </row>
    <row r="26" spans="1:40" ht="19.5" customHeight="1">
      <c r="A26" s="67"/>
      <c r="J26" s="18"/>
      <c r="M26"/>
      <c r="O26" s="145"/>
      <c r="P26" s="145"/>
      <c r="Q26" s="145"/>
      <c r="R26" s="145"/>
      <c r="S26" s="145"/>
      <c r="T26" s="145"/>
      <c r="U26" s="145"/>
      <c r="V26" s="145"/>
      <c r="W26" s="145"/>
      <c r="X26" s="145"/>
    </row>
    <row r="27" spans="1:40" ht="30" customHeight="1">
      <c r="A27" s="270" t="s">
        <v>421</v>
      </c>
      <c r="B27" s="271"/>
      <c r="C27" s="271"/>
      <c r="D27" s="271"/>
      <c r="E27" s="271"/>
      <c r="F27" s="271"/>
      <c r="G27" s="271"/>
      <c r="H27" s="271"/>
      <c r="I27" s="271"/>
      <c r="J27" s="272"/>
      <c r="M27"/>
      <c r="O27" s="145"/>
      <c r="P27" s="145"/>
      <c r="Q27" s="145"/>
      <c r="R27" s="145"/>
      <c r="S27" s="145"/>
      <c r="T27" s="145"/>
      <c r="U27" s="145"/>
      <c r="V27" s="145"/>
      <c r="W27" s="145"/>
      <c r="X27" s="145"/>
    </row>
    <row r="28" spans="1:40" ht="65.25" customHeight="1">
      <c r="A28" s="285" t="s">
        <v>366</v>
      </c>
      <c r="B28" s="286"/>
      <c r="C28" s="275" t="s">
        <v>379</v>
      </c>
      <c r="D28" s="276"/>
      <c r="E28" s="276"/>
      <c r="F28" s="276"/>
      <c r="G28" s="277" t="s">
        <v>371</v>
      </c>
      <c r="H28" s="276"/>
      <c r="I28" s="276"/>
      <c r="J28" s="278"/>
      <c r="M28"/>
      <c r="O28" s="145"/>
      <c r="P28" s="145"/>
      <c r="Q28" s="145"/>
      <c r="R28" s="145"/>
      <c r="S28" s="145"/>
      <c r="T28" s="145"/>
      <c r="U28" s="145"/>
      <c r="V28" s="145"/>
      <c r="W28" s="145"/>
      <c r="X28" s="145"/>
      <c r="AE28" s="145"/>
      <c r="AF28" s="145"/>
      <c r="AG28" s="145"/>
      <c r="AH28" s="145"/>
      <c r="AI28" s="145"/>
      <c r="AJ28" s="145"/>
      <c r="AK28" s="145"/>
      <c r="AL28" s="145"/>
      <c r="AM28" s="145"/>
      <c r="AN28" s="145"/>
    </row>
    <row r="29" spans="1:40" ht="61.5" customHeight="1">
      <c r="A29" s="247" t="s">
        <v>422</v>
      </c>
      <c r="B29" s="248"/>
      <c r="C29" s="249"/>
      <c r="D29" s="249"/>
      <c r="E29" s="249"/>
      <c r="F29" s="249"/>
      <c r="G29" s="249"/>
      <c r="H29" s="249"/>
      <c r="I29" s="249"/>
      <c r="J29" s="250"/>
      <c r="M29"/>
      <c r="AE29" s="145"/>
      <c r="AF29" s="145"/>
      <c r="AG29" s="145"/>
      <c r="AH29" s="145"/>
      <c r="AI29" s="145"/>
      <c r="AJ29" s="145"/>
      <c r="AK29" s="145"/>
      <c r="AL29" s="145"/>
      <c r="AM29" s="145"/>
      <c r="AN29" s="145"/>
    </row>
    <row r="30" spans="1:40" ht="73" customHeight="1">
      <c r="A30" s="247" t="s">
        <v>427</v>
      </c>
      <c r="B30" s="248"/>
      <c r="C30" s="249"/>
      <c r="D30" s="249"/>
      <c r="E30" s="249"/>
      <c r="F30" s="249"/>
      <c r="G30" s="249"/>
      <c r="H30" s="249"/>
      <c r="I30" s="249"/>
      <c r="J30" s="250"/>
      <c r="M30"/>
    </row>
    <row r="31" spans="1:40" ht="21.75" customHeight="1">
      <c r="A31" s="67"/>
      <c r="J31" s="18"/>
      <c r="M31"/>
    </row>
    <row r="32" spans="1:40" ht="18" customHeight="1">
      <c r="A32" s="67"/>
      <c r="J32" s="18"/>
      <c r="M32"/>
    </row>
    <row r="33" spans="1:40" ht="52.5" customHeight="1">
      <c r="A33" s="279" t="s">
        <v>372</v>
      </c>
      <c r="B33" s="280"/>
      <c r="C33" s="280"/>
      <c r="D33" s="280"/>
      <c r="E33" s="280"/>
      <c r="F33" s="280"/>
      <c r="G33" s="280"/>
      <c r="H33" s="280"/>
      <c r="I33" s="280"/>
      <c r="J33" s="281"/>
      <c r="M33"/>
      <c r="O33" s="145"/>
      <c r="P33" s="145"/>
      <c r="Q33" s="145"/>
      <c r="R33" s="145"/>
      <c r="S33" s="145"/>
      <c r="T33" s="145"/>
      <c r="U33" s="145"/>
      <c r="V33" s="145"/>
      <c r="W33" s="145"/>
      <c r="X33" s="145"/>
      <c r="AE33" s="145"/>
      <c r="AF33" s="145"/>
      <c r="AG33" s="145"/>
      <c r="AH33" s="145"/>
      <c r="AI33" s="145"/>
      <c r="AJ33" s="145"/>
      <c r="AK33" s="145"/>
      <c r="AL33" s="145"/>
      <c r="AM33" s="145"/>
      <c r="AN33" s="145"/>
    </row>
    <row r="34" spans="1:40" ht="123" customHeight="1" thickBot="1">
      <c r="A34" s="282"/>
      <c r="B34" s="283"/>
      <c r="C34" s="283"/>
      <c r="D34" s="283"/>
      <c r="E34" s="283"/>
      <c r="F34" s="283"/>
      <c r="G34" s="283"/>
      <c r="H34" s="283"/>
      <c r="I34" s="283"/>
      <c r="J34" s="284"/>
      <c r="M34"/>
      <c r="O34" s="145"/>
      <c r="P34" s="145"/>
      <c r="Q34" s="145"/>
      <c r="R34" s="145"/>
      <c r="S34" s="145"/>
      <c r="T34" s="145"/>
      <c r="U34" s="145"/>
      <c r="V34" s="145"/>
      <c r="W34" s="145"/>
      <c r="X34" s="145"/>
      <c r="AE34" s="145"/>
      <c r="AF34" s="145"/>
      <c r="AG34" s="145"/>
      <c r="AH34" s="145"/>
      <c r="AI34" s="145"/>
      <c r="AJ34" s="145"/>
      <c r="AK34" s="145"/>
      <c r="AL34" s="145"/>
      <c r="AM34" s="145"/>
      <c r="AN34" s="145"/>
    </row>
    <row r="35" spans="1:40">
      <c r="M35"/>
      <c r="AE35" s="145"/>
      <c r="AF35" s="145"/>
      <c r="AG35" s="145"/>
      <c r="AH35" s="145"/>
      <c r="AI35" s="145"/>
      <c r="AJ35" s="145"/>
      <c r="AK35" s="145"/>
      <c r="AL35" s="145"/>
      <c r="AM35" s="145"/>
      <c r="AN35" s="145"/>
    </row>
    <row r="36" spans="1:40">
      <c r="L36" s="145"/>
      <c r="M36" s="145"/>
      <c r="N36" s="145"/>
      <c r="O36" s="145"/>
      <c r="P36" s="145"/>
      <c r="Q36" s="145"/>
      <c r="R36" s="145"/>
      <c r="S36" s="145"/>
      <c r="T36" s="145"/>
      <c r="U36" s="145"/>
      <c r="AE36" s="145"/>
      <c r="AF36" s="145"/>
      <c r="AG36" s="145"/>
      <c r="AH36" s="145"/>
      <c r="AI36" s="145"/>
      <c r="AJ36" s="145"/>
      <c r="AK36" s="145"/>
      <c r="AL36" s="145"/>
      <c r="AM36" s="145"/>
      <c r="AN36" s="145"/>
    </row>
    <row r="37" spans="1:40">
      <c r="L37" s="145"/>
      <c r="M37" s="145"/>
      <c r="N37" s="145"/>
      <c r="O37" s="145"/>
      <c r="P37" s="145"/>
      <c r="Q37" s="145"/>
      <c r="R37" s="145"/>
      <c r="S37" s="145"/>
      <c r="T37" s="145"/>
      <c r="U37" s="145"/>
    </row>
    <row r="38" spans="1:40">
      <c r="L38" s="145"/>
      <c r="M38" s="145"/>
      <c r="N38" s="145"/>
      <c r="O38" s="145"/>
      <c r="P38" s="145"/>
      <c r="Q38" s="145"/>
      <c r="R38" s="145"/>
      <c r="S38" s="145"/>
      <c r="T38" s="145"/>
      <c r="U38" s="145"/>
      <c r="AE38" s="145"/>
      <c r="AF38" s="145"/>
      <c r="AG38" s="145"/>
      <c r="AH38" s="145"/>
      <c r="AI38" s="145"/>
      <c r="AJ38" s="145"/>
      <c r="AK38" s="145"/>
      <c r="AL38" s="145"/>
      <c r="AM38" s="145"/>
      <c r="AN38" s="145"/>
    </row>
    <row r="39" spans="1:40">
      <c r="L39" s="145"/>
      <c r="M39" s="145"/>
      <c r="N39" s="145"/>
      <c r="O39" s="145"/>
      <c r="P39" s="145"/>
      <c r="Q39" s="145"/>
      <c r="R39" s="145"/>
      <c r="S39" s="145"/>
      <c r="T39" s="145"/>
      <c r="U39" s="145"/>
      <c r="AE39" s="145"/>
      <c r="AF39" s="145"/>
      <c r="AG39" s="145"/>
      <c r="AH39" s="145"/>
      <c r="AI39" s="145"/>
      <c r="AJ39" s="145"/>
      <c r="AK39" s="145"/>
      <c r="AL39" s="145"/>
      <c r="AM39" s="145"/>
      <c r="AN39" s="145"/>
    </row>
    <row r="40" spans="1:40">
      <c r="L40" s="145"/>
      <c r="M40" s="145"/>
      <c r="N40" s="145"/>
      <c r="O40" s="145"/>
      <c r="P40" s="145"/>
      <c r="Q40" s="145"/>
      <c r="R40" s="145"/>
      <c r="S40" s="145"/>
      <c r="T40" s="145"/>
      <c r="U40" s="145"/>
      <c r="AE40" s="145"/>
      <c r="AF40" s="145"/>
      <c r="AG40" s="145"/>
      <c r="AH40" s="145"/>
      <c r="AI40" s="145"/>
      <c r="AJ40" s="145"/>
      <c r="AK40" s="145"/>
      <c r="AL40" s="145"/>
      <c r="AM40" s="145"/>
      <c r="AN40" s="145"/>
    </row>
    <row r="41" spans="1:40">
      <c r="AE41" s="145"/>
      <c r="AF41" s="145"/>
      <c r="AG41" s="145"/>
      <c r="AH41" s="145"/>
      <c r="AI41" s="145"/>
      <c r="AJ41" s="145"/>
      <c r="AK41" s="145"/>
      <c r="AL41" s="145"/>
      <c r="AM41" s="145"/>
      <c r="AN41" s="145"/>
    </row>
    <row r="42" spans="1:40">
      <c r="L42" s="145"/>
      <c r="M42" s="145"/>
      <c r="N42" s="145"/>
      <c r="O42" s="145"/>
      <c r="P42" s="145"/>
      <c r="Q42" s="145"/>
      <c r="R42" s="145"/>
      <c r="S42" s="145"/>
      <c r="T42" s="145"/>
      <c r="U42" s="145"/>
      <c r="AE42" s="145"/>
      <c r="AF42" s="145"/>
      <c r="AG42" s="145"/>
      <c r="AH42" s="145"/>
      <c r="AI42" s="145"/>
      <c r="AJ42" s="145"/>
      <c r="AK42" s="145"/>
      <c r="AL42" s="145"/>
      <c r="AM42" s="145"/>
      <c r="AN42" s="145"/>
    </row>
    <row r="43" spans="1:40">
      <c r="L43" s="145"/>
      <c r="M43" s="145"/>
      <c r="N43" s="145"/>
      <c r="O43" s="145"/>
      <c r="P43" s="145"/>
      <c r="Q43" s="145"/>
      <c r="R43" s="145"/>
      <c r="S43" s="145"/>
      <c r="T43" s="145"/>
      <c r="U43" s="145"/>
    </row>
    <row r="44" spans="1:40">
      <c r="L44" s="145"/>
      <c r="M44" s="145"/>
      <c r="N44" s="145"/>
      <c r="O44" s="145"/>
      <c r="P44" s="145"/>
      <c r="Q44" s="145"/>
      <c r="R44" s="145"/>
      <c r="S44" s="145"/>
      <c r="T44" s="145"/>
      <c r="U44" s="145"/>
    </row>
    <row r="45" spans="1:40">
      <c r="L45" s="145"/>
      <c r="M45" s="145"/>
      <c r="N45" s="145"/>
      <c r="O45" s="145"/>
      <c r="P45" s="145"/>
      <c r="Q45" s="145"/>
      <c r="R45" s="145"/>
      <c r="S45" s="145"/>
      <c r="T45" s="145"/>
      <c r="U45" s="145"/>
    </row>
    <row r="46" spans="1:40">
      <c r="L46" s="145"/>
      <c r="M46" s="145"/>
      <c r="N46" s="145"/>
      <c r="O46" s="145"/>
      <c r="P46" s="145"/>
      <c r="Q46" s="145"/>
      <c r="R46" s="145"/>
      <c r="S46" s="145"/>
      <c r="T46" s="145"/>
      <c r="U46" s="145"/>
    </row>
    <row r="48" spans="1:40">
      <c r="L48" s="145"/>
      <c r="M48" s="145"/>
      <c r="N48" s="145"/>
      <c r="O48" s="145"/>
      <c r="P48" s="145"/>
      <c r="Q48" s="145"/>
      <c r="R48" s="145"/>
      <c r="S48" s="145"/>
      <c r="T48" s="145"/>
      <c r="U48" s="145"/>
    </row>
    <row r="49" spans="12:21">
      <c r="L49" s="145"/>
      <c r="M49" s="145"/>
      <c r="N49" s="145"/>
      <c r="O49" s="145"/>
      <c r="P49" s="145"/>
      <c r="Q49" s="145"/>
      <c r="R49" s="145"/>
      <c r="S49" s="145"/>
      <c r="T49" s="145"/>
      <c r="U49" s="145"/>
    </row>
    <row r="50" spans="12:21">
      <c r="L50" s="145"/>
      <c r="M50" s="145"/>
      <c r="N50" s="145"/>
      <c r="O50" s="145"/>
      <c r="P50" s="145"/>
      <c r="Q50" s="145"/>
      <c r="R50" s="145"/>
      <c r="S50" s="145"/>
      <c r="T50" s="145"/>
      <c r="U50" s="145"/>
    </row>
    <row r="51" spans="12:21">
      <c r="L51" s="145"/>
      <c r="M51" s="145"/>
      <c r="N51" s="145"/>
      <c r="O51" s="145"/>
      <c r="P51" s="145"/>
      <c r="Q51" s="145"/>
      <c r="R51" s="145"/>
      <c r="S51" s="145"/>
      <c r="T51" s="145"/>
      <c r="U51" s="145"/>
    </row>
    <row r="52" spans="12:21">
      <c r="L52" s="145"/>
      <c r="M52" s="145"/>
      <c r="N52" s="145"/>
      <c r="O52" s="145"/>
      <c r="P52" s="145"/>
      <c r="Q52" s="145"/>
      <c r="R52" s="145"/>
      <c r="S52" s="145"/>
      <c r="T52" s="145"/>
      <c r="U52" s="145"/>
    </row>
    <row r="54" spans="12:21">
      <c r="L54" s="145"/>
      <c r="M54" s="145"/>
      <c r="N54" s="145"/>
      <c r="O54" s="145"/>
      <c r="P54" s="145"/>
      <c r="Q54" s="145"/>
      <c r="R54" s="145"/>
      <c r="S54" s="145"/>
      <c r="T54" s="145"/>
      <c r="U54" s="145"/>
    </row>
    <row r="55" spans="12:21">
      <c r="L55" s="145"/>
      <c r="M55" s="145"/>
      <c r="N55" s="145"/>
      <c r="O55" s="145"/>
      <c r="P55" s="145"/>
      <c r="Q55" s="145"/>
      <c r="R55" s="145"/>
      <c r="S55" s="145"/>
      <c r="T55" s="145"/>
      <c r="U55" s="145"/>
    </row>
    <row r="56" spans="12:21">
      <c r="L56" s="145"/>
      <c r="M56" s="145"/>
      <c r="N56" s="145"/>
      <c r="O56" s="145"/>
      <c r="P56" s="145"/>
      <c r="Q56" s="145"/>
      <c r="R56" s="145"/>
      <c r="S56" s="145"/>
      <c r="T56" s="145"/>
      <c r="U56" s="145"/>
    </row>
    <row r="57" spans="12:21">
      <c r="L57" s="145"/>
      <c r="M57" s="145"/>
      <c r="N57" s="145"/>
      <c r="O57" s="145"/>
      <c r="P57" s="145"/>
      <c r="Q57" s="145"/>
      <c r="R57" s="145"/>
      <c r="S57" s="145"/>
      <c r="T57" s="145"/>
      <c r="U57" s="145"/>
    </row>
    <row r="59" spans="12:21">
      <c r="L59" s="145"/>
      <c r="M59" s="145"/>
      <c r="N59" s="145"/>
      <c r="O59" s="145"/>
      <c r="P59" s="145"/>
      <c r="Q59" s="145"/>
      <c r="R59" s="145"/>
      <c r="S59" s="145"/>
      <c r="T59" s="145"/>
      <c r="U59" s="145"/>
    </row>
    <row r="60" spans="12:21">
      <c r="L60" s="145"/>
      <c r="M60" s="145"/>
      <c r="N60" s="145"/>
      <c r="O60" s="145"/>
      <c r="P60" s="145"/>
      <c r="Q60" s="145"/>
      <c r="R60" s="145"/>
      <c r="S60" s="145"/>
      <c r="T60" s="145"/>
      <c r="U60" s="145"/>
    </row>
    <row r="61" spans="12:21">
      <c r="L61" s="145"/>
      <c r="M61" s="145"/>
      <c r="N61" s="145"/>
      <c r="O61" s="145"/>
      <c r="P61" s="145"/>
      <c r="Q61" s="145"/>
      <c r="R61" s="145"/>
      <c r="S61" s="145"/>
      <c r="T61" s="145"/>
      <c r="U61" s="145"/>
    </row>
    <row r="62" spans="12:21">
      <c r="L62" s="145"/>
      <c r="M62" s="145"/>
      <c r="N62" s="145"/>
      <c r="O62" s="145"/>
      <c r="P62" s="145"/>
      <c r="Q62" s="145"/>
      <c r="R62" s="145"/>
      <c r="S62" s="145"/>
      <c r="T62" s="145"/>
      <c r="U62" s="145"/>
    </row>
    <row r="63" spans="12:21">
      <c r="L63" s="145"/>
      <c r="M63" s="145"/>
      <c r="N63" s="145"/>
      <c r="O63" s="145"/>
      <c r="P63" s="145"/>
      <c r="Q63" s="145"/>
      <c r="R63" s="145"/>
      <c r="S63" s="145"/>
      <c r="T63" s="145"/>
      <c r="U63" s="145"/>
    </row>
  </sheetData>
  <sheetProtection algorithmName="SHA-512" hashValue="kiwMt/pm9LYHYenxuxHEeH06Lj7ntjHxF6EJDApe/gWCWShxPkOFsx/utBm9t6eJLpH16aTzuZJf4rANmVe1dw==" saltValue="W/hYwhW0G1jHGrsG72bjzw==" spinCount="100000" sheet="1" selectLockedCells="1"/>
  <mergeCells count="166">
    <mergeCell ref="O34:P34"/>
    <mergeCell ref="Q34:T34"/>
    <mergeCell ref="U34:X34"/>
    <mergeCell ref="Q16:T16"/>
    <mergeCell ref="O28:P28"/>
    <mergeCell ref="Q28:T28"/>
    <mergeCell ref="Q24:T24"/>
    <mergeCell ref="G28:J28"/>
    <mergeCell ref="A25:B25"/>
    <mergeCell ref="C25:F25"/>
    <mergeCell ref="G25:J25"/>
    <mergeCell ref="A21:J21"/>
    <mergeCell ref="A22:B22"/>
    <mergeCell ref="C22:F22"/>
    <mergeCell ref="G22:J22"/>
    <mergeCell ref="O27:P27"/>
    <mergeCell ref="Q27:T27"/>
    <mergeCell ref="A30:B30"/>
    <mergeCell ref="C30:F30"/>
    <mergeCell ref="G30:J30"/>
    <mergeCell ref="A28:B28"/>
    <mergeCell ref="C28:F28"/>
    <mergeCell ref="U28:X28"/>
    <mergeCell ref="O26:P26"/>
    <mergeCell ref="Q26:T26"/>
    <mergeCell ref="U26:X26"/>
    <mergeCell ref="U27:X27"/>
    <mergeCell ref="O33:P33"/>
    <mergeCell ref="Q33:T33"/>
    <mergeCell ref="U33:X33"/>
    <mergeCell ref="A15:J15"/>
    <mergeCell ref="A16:B16"/>
    <mergeCell ref="C16:F16"/>
    <mergeCell ref="G16:J16"/>
    <mergeCell ref="A17:B17"/>
    <mergeCell ref="C17:F17"/>
    <mergeCell ref="G17:J17"/>
    <mergeCell ref="U24:X24"/>
    <mergeCell ref="A23:B23"/>
    <mergeCell ref="C23:F23"/>
    <mergeCell ref="G23:J23"/>
    <mergeCell ref="O18:X18"/>
    <mergeCell ref="O19:P19"/>
    <mergeCell ref="Q19:T19"/>
    <mergeCell ref="U19:X19"/>
    <mergeCell ref="O21:P21"/>
    <mergeCell ref="Q21:T21"/>
    <mergeCell ref="U21:X21"/>
    <mergeCell ref="O22:P22"/>
    <mergeCell ref="Q22:T22"/>
    <mergeCell ref="U22:X22"/>
    <mergeCell ref="O24:P24"/>
    <mergeCell ref="A1:J1"/>
    <mergeCell ref="A2:J2"/>
    <mergeCell ref="A4:J4"/>
    <mergeCell ref="A5:J5"/>
    <mergeCell ref="A7:J7"/>
    <mergeCell ref="A8:J8"/>
    <mergeCell ref="A9:J9"/>
    <mergeCell ref="A10:J10"/>
    <mergeCell ref="A12:J12"/>
    <mergeCell ref="AE33:AN33"/>
    <mergeCell ref="AE34:AF34"/>
    <mergeCell ref="AG34:AJ34"/>
    <mergeCell ref="AK34:AN34"/>
    <mergeCell ref="A18:B18"/>
    <mergeCell ref="AE28:AN28"/>
    <mergeCell ref="AE29:AF29"/>
    <mergeCell ref="AG29:AJ29"/>
    <mergeCell ref="AK29:AN29"/>
    <mergeCell ref="AA18:AD18"/>
    <mergeCell ref="A24:B24"/>
    <mergeCell ref="C24:F24"/>
    <mergeCell ref="G24:J24"/>
    <mergeCell ref="C18:F18"/>
    <mergeCell ref="G18:J18"/>
    <mergeCell ref="A19:B19"/>
    <mergeCell ref="C19:F19"/>
    <mergeCell ref="G19:J19"/>
    <mergeCell ref="A33:J33"/>
    <mergeCell ref="A34:J34"/>
    <mergeCell ref="A29:B29"/>
    <mergeCell ref="C29:F29"/>
    <mergeCell ref="G29:J29"/>
    <mergeCell ref="A27:J27"/>
    <mergeCell ref="AE35:AF35"/>
    <mergeCell ref="AG35:AJ35"/>
    <mergeCell ref="AK35:AN35"/>
    <mergeCell ref="AE36:AF36"/>
    <mergeCell ref="AG36:AJ36"/>
    <mergeCell ref="AK36:AN36"/>
    <mergeCell ref="AE38:AN38"/>
    <mergeCell ref="AE39:AF39"/>
    <mergeCell ref="AG39:AJ39"/>
    <mergeCell ref="AK39:AN39"/>
    <mergeCell ref="AE40:AF40"/>
    <mergeCell ref="AG40:AJ40"/>
    <mergeCell ref="AK40:AN40"/>
    <mergeCell ref="AE41:AF41"/>
    <mergeCell ref="AG41:AJ41"/>
    <mergeCell ref="AK41:AN41"/>
    <mergeCell ref="AE42:AF42"/>
    <mergeCell ref="AG42:AJ42"/>
    <mergeCell ref="AK42:AN42"/>
    <mergeCell ref="L36:U36"/>
    <mergeCell ref="L37:M37"/>
    <mergeCell ref="N37:Q37"/>
    <mergeCell ref="R37:U37"/>
    <mergeCell ref="L38:M38"/>
    <mergeCell ref="N38:Q38"/>
    <mergeCell ref="R38:U38"/>
    <mergeCell ref="L39:M39"/>
    <mergeCell ref="N39:Q39"/>
    <mergeCell ref="R39:U39"/>
    <mergeCell ref="L40:M40"/>
    <mergeCell ref="N40:Q40"/>
    <mergeCell ref="R40:U40"/>
    <mergeCell ref="L42:U42"/>
    <mergeCell ref="L43:M43"/>
    <mergeCell ref="N43:Q43"/>
    <mergeCell ref="R43:U43"/>
    <mergeCell ref="L44:M44"/>
    <mergeCell ref="N44:Q44"/>
    <mergeCell ref="R44:U44"/>
    <mergeCell ref="L45:M45"/>
    <mergeCell ref="N45:Q45"/>
    <mergeCell ref="R45:U45"/>
    <mergeCell ref="L46:M46"/>
    <mergeCell ref="N46:Q46"/>
    <mergeCell ref="R46:U46"/>
    <mergeCell ref="L48:U48"/>
    <mergeCell ref="L49:M49"/>
    <mergeCell ref="N49:Q49"/>
    <mergeCell ref="R49:U49"/>
    <mergeCell ref="L50:M50"/>
    <mergeCell ref="N50:Q50"/>
    <mergeCell ref="R50:U50"/>
    <mergeCell ref="L51:M51"/>
    <mergeCell ref="N51:Q51"/>
    <mergeCell ref="R51:U51"/>
    <mergeCell ref="L52:M52"/>
    <mergeCell ref="N52:Q52"/>
    <mergeCell ref="R52:U52"/>
    <mergeCell ref="L54:U54"/>
    <mergeCell ref="L55:M55"/>
    <mergeCell ref="N55:Q55"/>
    <mergeCell ref="R55:U55"/>
    <mergeCell ref="L56:M56"/>
    <mergeCell ref="N56:Q56"/>
    <mergeCell ref="R56:U56"/>
    <mergeCell ref="L57:M57"/>
    <mergeCell ref="N57:Q57"/>
    <mergeCell ref="R57:U57"/>
    <mergeCell ref="L63:M63"/>
    <mergeCell ref="N63:Q63"/>
    <mergeCell ref="R63:U63"/>
    <mergeCell ref="L59:U59"/>
    <mergeCell ref="L60:M60"/>
    <mergeCell ref="N60:Q60"/>
    <mergeCell ref="R60:U60"/>
    <mergeCell ref="L61:M61"/>
    <mergeCell ref="N61:Q61"/>
    <mergeCell ref="R61:U61"/>
    <mergeCell ref="L62:M62"/>
    <mergeCell ref="N62:Q62"/>
    <mergeCell ref="R62:U62"/>
  </mergeCells>
  <dataValidations count="2">
    <dataValidation type="textLength" operator="lessThan" allowBlank="1" showInputMessage="1" showErrorMessage="1" sqref="A34:J34" xr:uid="{00000000-0002-0000-0200-000000000000}">
      <formula1>501</formula1>
    </dataValidation>
    <dataValidation type="textLength" operator="lessThan" allowBlank="1" showInputMessage="1" showErrorMessage="1" sqref="G17:J19 G23:J25 G29:J30" xr:uid="{00000000-0002-0000-0200-000001000000}">
      <formula1>151</formula1>
    </dataValidation>
  </dataValidations>
  <pageMargins left="0.7" right="0.7" top="0.75" bottom="0.75" header="0.3" footer="0.3"/>
  <pageSetup paperSize="9" orientation="portrait" horizontalDpi="4294967292" verticalDpi="120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K18"/>
  <sheetViews>
    <sheetView showGridLines="0" workbookViewId="0">
      <selection activeCell="A9" sqref="A9:K10"/>
    </sheetView>
  </sheetViews>
  <sheetFormatPr defaultColWidth="8.81640625" defaultRowHeight="14.5"/>
  <cols>
    <col min="1" max="1" width="46.453125" bestFit="1" customWidth="1"/>
  </cols>
  <sheetData>
    <row r="1" spans="1:11">
      <c r="A1" s="296" t="s">
        <v>384</v>
      </c>
      <c r="B1" s="297"/>
      <c r="C1" s="297"/>
      <c r="D1" s="297"/>
      <c r="E1" s="297"/>
      <c r="F1" s="297"/>
      <c r="G1" s="297"/>
      <c r="H1" s="297"/>
      <c r="I1" s="297"/>
      <c r="J1" s="297"/>
      <c r="K1" s="298"/>
    </row>
    <row r="2" spans="1:11">
      <c r="A2" s="299"/>
      <c r="B2" s="300"/>
      <c r="C2" s="300"/>
      <c r="D2" s="300"/>
      <c r="E2" s="300"/>
      <c r="F2" s="300"/>
      <c r="G2" s="300"/>
      <c r="H2" s="300"/>
      <c r="I2" s="300"/>
      <c r="J2" s="300"/>
      <c r="K2" s="301"/>
    </row>
    <row r="3" spans="1:11" ht="26.25" customHeight="1">
      <c r="A3" s="302" t="s">
        <v>385</v>
      </c>
      <c r="B3" s="303"/>
      <c r="C3" s="303"/>
      <c r="D3" s="303"/>
      <c r="E3" s="303"/>
      <c r="F3" s="303"/>
      <c r="G3" s="303"/>
      <c r="H3" s="303"/>
      <c r="I3" s="303"/>
      <c r="J3" s="303"/>
      <c r="K3" s="304"/>
    </row>
    <row r="4" spans="1:11" ht="15" thickBot="1">
      <c r="A4" s="305" t="s">
        <v>386</v>
      </c>
      <c r="B4" s="306"/>
      <c r="C4" s="306"/>
      <c r="D4" s="306"/>
      <c r="E4" s="306"/>
      <c r="F4" s="306"/>
      <c r="G4" s="306"/>
      <c r="H4" s="306"/>
      <c r="I4" s="306"/>
      <c r="J4" s="306"/>
      <c r="K4" s="307"/>
    </row>
    <row r="5" spans="1:11" ht="18.75" customHeight="1">
      <c r="A5" s="70" t="s">
        <v>387</v>
      </c>
      <c r="B5" s="71"/>
      <c r="C5" s="71"/>
      <c r="D5" s="71"/>
      <c r="E5" s="71"/>
      <c r="F5" s="71"/>
      <c r="G5" s="71"/>
      <c r="H5" s="71"/>
      <c r="I5" s="71"/>
      <c r="J5" s="71"/>
      <c r="K5" s="72"/>
    </row>
    <row r="6" spans="1:11">
      <c r="A6" s="73" t="s">
        <v>388</v>
      </c>
      <c r="B6" s="68"/>
      <c r="C6" s="68"/>
      <c r="D6" s="68"/>
      <c r="E6" s="68"/>
      <c r="F6" s="68"/>
      <c r="G6" s="68"/>
      <c r="H6" s="68"/>
      <c r="I6" s="68"/>
      <c r="J6" s="68"/>
      <c r="K6" s="69"/>
    </row>
    <row r="7" spans="1:11">
      <c r="A7" s="73" t="s">
        <v>389</v>
      </c>
      <c r="B7" s="308"/>
      <c r="C7" s="308"/>
      <c r="D7" s="308"/>
      <c r="E7" s="308"/>
      <c r="F7" s="308"/>
      <c r="G7" s="308"/>
      <c r="H7" s="308"/>
      <c r="I7" s="308"/>
      <c r="J7" s="308"/>
      <c r="K7" s="309"/>
    </row>
    <row r="8" spans="1:11">
      <c r="A8" s="67"/>
      <c r="K8" s="18"/>
    </row>
    <row r="9" spans="1:11">
      <c r="A9" s="93" t="s">
        <v>390</v>
      </c>
      <c r="B9" s="316"/>
      <c r="C9" s="317"/>
      <c r="D9" s="317"/>
      <c r="E9" s="317"/>
      <c r="F9" s="317"/>
      <c r="G9" s="317"/>
      <c r="H9" s="317"/>
      <c r="I9" s="317"/>
      <c r="J9" s="317"/>
      <c r="K9" s="318"/>
    </row>
    <row r="10" spans="1:11">
      <c r="A10" s="73" t="s">
        <v>403</v>
      </c>
      <c r="B10" s="310"/>
      <c r="C10" s="311"/>
      <c r="D10" s="311"/>
      <c r="E10" s="311"/>
      <c r="F10" s="311"/>
      <c r="G10" s="311"/>
      <c r="H10" s="311"/>
      <c r="I10" s="311"/>
      <c r="J10" s="311"/>
      <c r="K10" s="312"/>
    </row>
    <row r="11" spans="1:11">
      <c r="A11" s="67"/>
      <c r="K11" s="18"/>
    </row>
    <row r="12" spans="1:11">
      <c r="A12" s="73" t="s">
        <v>391</v>
      </c>
      <c r="B12" s="74"/>
      <c r="C12" s="68"/>
      <c r="D12" s="68"/>
      <c r="E12" s="68"/>
      <c r="F12" s="68"/>
      <c r="G12" s="68"/>
      <c r="H12" s="68"/>
      <c r="I12" s="68"/>
      <c r="J12" s="68"/>
      <c r="K12" s="69"/>
    </row>
    <row r="13" spans="1:11">
      <c r="A13" s="73" t="s">
        <v>392</v>
      </c>
      <c r="B13" s="313"/>
      <c r="C13" s="314"/>
      <c r="D13" s="314"/>
      <c r="E13" s="314"/>
      <c r="F13" s="314"/>
      <c r="G13" s="314"/>
      <c r="H13" s="314"/>
      <c r="I13" s="314"/>
      <c r="J13" s="314"/>
      <c r="K13" s="315"/>
    </row>
    <row r="14" spans="1:11">
      <c r="A14" s="67"/>
      <c r="K14" s="18"/>
    </row>
    <row r="15" spans="1:11" ht="28.5" customHeight="1">
      <c r="A15" s="75" t="s">
        <v>393</v>
      </c>
      <c r="B15" s="290"/>
      <c r="C15" s="291"/>
      <c r="D15" s="291"/>
      <c r="E15" s="291"/>
      <c r="F15" s="291"/>
      <c r="G15" s="291"/>
      <c r="H15" s="291"/>
      <c r="I15" s="291"/>
      <c r="J15" s="291"/>
      <c r="K15" s="292"/>
    </row>
    <row r="16" spans="1:11" ht="15" thickBot="1">
      <c r="A16" s="76"/>
      <c r="B16" s="77"/>
      <c r="C16" s="77"/>
      <c r="D16" s="77"/>
      <c r="E16" s="77"/>
      <c r="F16" s="77"/>
      <c r="G16" s="77"/>
      <c r="H16" s="77"/>
      <c r="I16" s="77"/>
      <c r="J16" s="77"/>
      <c r="K16" s="78"/>
    </row>
    <row r="17" spans="1:11" ht="18" customHeight="1">
      <c r="A17" s="79" t="s">
        <v>394</v>
      </c>
      <c r="B17" s="80"/>
      <c r="C17" s="80"/>
      <c r="D17" s="80"/>
      <c r="E17" s="80"/>
      <c r="F17" s="80"/>
      <c r="G17" s="80"/>
      <c r="H17" s="80"/>
      <c r="I17" s="80"/>
      <c r="J17" s="80"/>
      <c r="K17" s="81"/>
    </row>
    <row r="18" spans="1:11" ht="57.75" customHeight="1" thickBot="1">
      <c r="A18" s="82" t="s">
        <v>395</v>
      </c>
      <c r="B18" s="293"/>
      <c r="C18" s="294"/>
      <c r="D18" s="294"/>
      <c r="E18" s="294"/>
      <c r="F18" s="294"/>
      <c r="G18" s="294"/>
      <c r="H18" s="294"/>
      <c r="I18" s="294"/>
      <c r="J18" s="294"/>
      <c r="K18" s="295"/>
    </row>
  </sheetData>
  <sheetProtection algorithmName="SHA-512" hashValue="5UDCDWCjpMpOr5iyqei4PVDUvFNKZzne861nebnoeaaIfHKLM22EcbbqjfQ2rRxuhBG8EWZtHVMWg+QTuYoAwQ==" saltValue="lWaIuXQVraLdr380SkPKKg=="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Test not taken yet" prompt="Be sure to upload the registration receipt to your application" sqref="B18:K18"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250"/>
  <sheetViews>
    <sheetView topLeftCell="A7" zoomScaleNormal="100" workbookViewId="0">
      <selection activeCell="J20" sqref="J20"/>
    </sheetView>
  </sheetViews>
  <sheetFormatPr defaultColWidth="9.1796875" defaultRowHeight="14.5"/>
  <cols>
    <col min="2" max="2" width="53.453125" bestFit="1" customWidth="1"/>
  </cols>
  <sheetData>
    <row r="1" spans="1:4">
      <c r="B1" s="19" t="s">
        <v>362</v>
      </c>
      <c r="C1">
        <f>COUNTIF(D2:D250,"?*")</f>
        <v>0</v>
      </c>
    </row>
    <row r="2" spans="1:4">
      <c r="A2">
        <f>IF(ISNUMBER(FIND(#REF!,B2:B250)),MAX(A$1:$A1)+1,0)</f>
        <v>0</v>
      </c>
      <c r="B2" t="s">
        <v>3</v>
      </c>
      <c r="C2" t="e">
        <f ca="1">OFFSET($D$2,,,COUNTIF($D$2:$D$250,"?*"))</f>
        <v>#REF!</v>
      </c>
      <c r="D2" t="str">
        <f>IFERROR(VLOOKUP(ROWS($D$2:D2),$A$2:$B$250,2,0),"")</f>
        <v/>
      </c>
    </row>
    <row r="3" spans="1:4">
      <c r="A3">
        <f>IF(ISNUMBER(FIND(#REF!,B3:B251)),MAX(A$1:$A2)+1,0)</f>
        <v>0</v>
      </c>
      <c r="B3" t="s">
        <v>4</v>
      </c>
      <c r="D3" t="str">
        <f>IFERROR(VLOOKUP(ROWS($D$2:D3),$A$2:$B$250,2,0),"")</f>
        <v/>
      </c>
    </row>
    <row r="4" spans="1:4">
      <c r="A4">
        <f>IF(ISNUMBER(FIND(#REF!,B4:B252)),MAX(A$1:$A3)+1,0)</f>
        <v>0</v>
      </c>
      <c r="B4" t="s">
        <v>5</v>
      </c>
      <c r="D4" t="str">
        <f>IFERROR(VLOOKUP(ROWS($D$2:D4),$A$2:$B$250,2,0),"")</f>
        <v/>
      </c>
    </row>
    <row r="5" spans="1:4">
      <c r="A5">
        <f>IF(ISNUMBER(FIND(#REF!,B5:B253)),MAX(A$1:$A4)+1,0)</f>
        <v>0</v>
      </c>
      <c r="B5" t="s">
        <v>6</v>
      </c>
      <c r="D5" t="str">
        <f>IFERROR(VLOOKUP(ROWS($D$2:D5),$A$2:$B$250,2,0),"")</f>
        <v/>
      </c>
    </row>
    <row r="6" spans="1:4">
      <c r="A6">
        <f>IF(ISNUMBER(FIND(#REF!,B6:B254)),MAX(A$1:$A5)+1,0)</f>
        <v>0</v>
      </c>
      <c r="B6" t="s">
        <v>7</v>
      </c>
      <c r="D6" t="str">
        <f>IFERROR(VLOOKUP(ROWS($D$2:D6),$A$2:$B$250,2,0),"")</f>
        <v/>
      </c>
    </row>
    <row r="7" spans="1:4">
      <c r="A7">
        <f>IF(ISNUMBER(FIND(#REF!,B7:B255)),MAX(A$1:$A6)+1,0)</f>
        <v>0</v>
      </c>
      <c r="B7" t="s">
        <v>8</v>
      </c>
      <c r="D7" t="str">
        <f>IFERROR(VLOOKUP(ROWS($D$2:D7),$A$2:$B$250,2,0),"")</f>
        <v/>
      </c>
    </row>
    <row r="8" spans="1:4">
      <c r="A8">
        <f>IF(ISNUMBER(FIND(#REF!,B8:B256)),MAX(A$1:$A7)+1,0)</f>
        <v>0</v>
      </c>
      <c r="B8" t="s">
        <v>9</v>
      </c>
      <c r="D8" t="str">
        <f>IFERROR(VLOOKUP(ROWS($D$2:D8),$A$2:$B$250,2,0),"")</f>
        <v/>
      </c>
    </row>
    <row r="9" spans="1:4">
      <c r="A9">
        <f>IF(ISNUMBER(FIND(#REF!,B9:B257)),MAX(A$1:$A8)+1,0)</f>
        <v>0</v>
      </c>
      <c r="B9" t="s">
        <v>10</v>
      </c>
      <c r="D9" t="str">
        <f>IFERROR(VLOOKUP(ROWS($D$2:D9),$A$2:$B$250,2,0),"")</f>
        <v/>
      </c>
    </row>
    <row r="10" spans="1:4">
      <c r="A10">
        <f>IF(ISNUMBER(FIND(#REF!,B10:B258)),MAX(A$1:$A9)+1,0)</f>
        <v>0</v>
      </c>
      <c r="B10" t="s">
        <v>11</v>
      </c>
      <c r="D10" t="str">
        <f>IFERROR(VLOOKUP(ROWS($D$2:D10),$A$2:$B$250,2,0),"")</f>
        <v/>
      </c>
    </row>
    <row r="11" spans="1:4">
      <c r="A11">
        <f>IF(ISNUMBER(FIND(#REF!,B11:B259)),MAX(A$1:$A10)+1,0)</f>
        <v>0</v>
      </c>
      <c r="B11" t="s">
        <v>12</v>
      </c>
      <c r="D11" t="str">
        <f>IFERROR(VLOOKUP(ROWS($D$2:D11),$A$2:$B$250,2,0),"")</f>
        <v/>
      </c>
    </row>
    <row r="12" spans="1:4">
      <c r="A12">
        <f>IF(ISNUMBER(FIND(#REF!,B12:B260)),MAX(A$1:$A11)+1,0)</f>
        <v>0</v>
      </c>
      <c r="B12" t="s">
        <v>13</v>
      </c>
      <c r="D12" t="str">
        <f>IFERROR(VLOOKUP(ROWS($D$2:D12),$A$2:$B$250,2,0),"")</f>
        <v/>
      </c>
    </row>
    <row r="13" spans="1:4">
      <c r="A13">
        <f>IF(ISNUMBER(FIND(#REF!,B13:B261)),MAX(A$1:$A12)+1,0)</f>
        <v>0</v>
      </c>
      <c r="B13" t="s">
        <v>14</v>
      </c>
      <c r="D13" t="str">
        <f>IFERROR(VLOOKUP(ROWS($D$2:D13),$A$2:$B$250,2,0),"")</f>
        <v/>
      </c>
    </row>
    <row r="14" spans="1:4">
      <c r="A14">
        <f>IF(ISNUMBER(FIND(#REF!,B14:B262)),MAX(A$1:$A13)+1,0)</f>
        <v>0</v>
      </c>
      <c r="B14" t="s">
        <v>15</v>
      </c>
      <c r="D14" t="str">
        <f>IFERROR(VLOOKUP(ROWS($D$2:D14),$A$2:$B$250,2,0),"")</f>
        <v/>
      </c>
    </row>
    <row r="15" spans="1:4">
      <c r="A15">
        <f>IF(ISNUMBER(FIND(#REF!,B15:B263)),MAX(A$1:$A14)+1,0)</f>
        <v>0</v>
      </c>
      <c r="B15" t="s">
        <v>16</v>
      </c>
      <c r="D15" t="str">
        <f>IFERROR(VLOOKUP(ROWS($D$2:D15),$A$2:$B$250,2,0),"")</f>
        <v/>
      </c>
    </row>
    <row r="16" spans="1:4">
      <c r="A16">
        <f>IF(ISNUMBER(FIND(#REF!,B16:B264)),MAX(A$1:$A15)+1,0)</f>
        <v>0</v>
      </c>
      <c r="B16" t="s">
        <v>17</v>
      </c>
      <c r="D16" t="str">
        <f>IFERROR(VLOOKUP(ROWS($D$2:D16),$A$2:$B$250,2,0),"")</f>
        <v/>
      </c>
    </row>
    <row r="17" spans="1:10">
      <c r="A17">
        <f>IF(ISNUMBER(FIND(#REF!,B17:B265)),MAX(A$1:$A16)+1,0)</f>
        <v>0</v>
      </c>
      <c r="B17" t="s">
        <v>18</v>
      </c>
      <c r="D17" t="str">
        <f>IFERROR(VLOOKUP(ROWS($D$2:D17),$A$2:$B$250,2,0),"")</f>
        <v/>
      </c>
    </row>
    <row r="18" spans="1:10">
      <c r="A18">
        <f>IF(ISNUMBER(FIND(#REF!,B18:B266)),MAX(A$1:$A17)+1,0)</f>
        <v>0</v>
      </c>
      <c r="B18" t="s">
        <v>19</v>
      </c>
      <c r="D18" t="str">
        <f>IFERROR(VLOOKUP(ROWS($D$2:D18),$A$2:$B$250,2,0),"")</f>
        <v/>
      </c>
      <c r="J18" t="s">
        <v>374</v>
      </c>
    </row>
    <row r="19" spans="1:10">
      <c r="A19">
        <f>IF(ISNUMBER(FIND(#REF!,B19:B267)),MAX(A$1:$A18)+1,0)</f>
        <v>0</v>
      </c>
      <c r="B19" t="s">
        <v>20</v>
      </c>
      <c r="D19" t="str">
        <f>IFERROR(VLOOKUP(ROWS($D$2:D19),$A$2:$B$250,2,0),"")</f>
        <v/>
      </c>
      <c r="J19" t="s">
        <v>375</v>
      </c>
    </row>
    <row r="20" spans="1:10">
      <c r="A20">
        <f>IF(ISNUMBER(FIND(#REF!,B20:B268)),MAX(A$1:$A19)+1,0)</f>
        <v>0</v>
      </c>
      <c r="B20" t="s">
        <v>21</v>
      </c>
      <c r="D20" t="str">
        <f>IFERROR(VLOOKUP(ROWS($D$2:D20),$A$2:$B$250,2,0),"")</f>
        <v/>
      </c>
    </row>
    <row r="21" spans="1:10">
      <c r="A21">
        <f>IF(ISNUMBER(FIND(#REF!,B21:B269)),MAX(A$1:$A20)+1,0)</f>
        <v>0</v>
      </c>
      <c r="B21" t="s">
        <v>22</v>
      </c>
      <c r="D21" t="str">
        <f>IFERROR(VLOOKUP(ROWS($D$2:D21),$A$2:$B$250,2,0),"")</f>
        <v/>
      </c>
    </row>
    <row r="22" spans="1:10">
      <c r="A22">
        <f>IF(ISNUMBER(FIND(#REF!,B22:B270)),MAX(A$1:$A21)+1,0)</f>
        <v>0</v>
      </c>
      <c r="B22" t="s">
        <v>23</v>
      </c>
      <c r="D22" t="str">
        <f>IFERROR(VLOOKUP(ROWS($D$2:D22),$A$2:$B$250,2,0),"")</f>
        <v/>
      </c>
    </row>
    <row r="23" spans="1:10">
      <c r="A23">
        <f>IF(ISNUMBER(FIND(#REF!,B23:B271)),MAX(A$1:$A22)+1,0)</f>
        <v>0</v>
      </c>
      <c r="B23" t="s">
        <v>24</v>
      </c>
      <c r="D23" t="str">
        <f>IFERROR(VLOOKUP(ROWS($D$2:D23),$A$2:$B$250,2,0),"")</f>
        <v/>
      </c>
    </row>
    <row r="24" spans="1:10">
      <c r="A24">
        <f>IF(ISNUMBER(FIND(#REF!,B24:B272)),MAX(A$1:$A23)+1,0)</f>
        <v>0</v>
      </c>
      <c r="B24" t="s">
        <v>25</v>
      </c>
      <c r="D24" t="str">
        <f>IFERROR(VLOOKUP(ROWS($D$2:D24),$A$2:$B$250,2,0),"")</f>
        <v/>
      </c>
    </row>
    <row r="25" spans="1:10">
      <c r="A25">
        <f>IF(ISNUMBER(FIND(#REF!,B25:B273)),MAX(A$1:$A24)+1,0)</f>
        <v>0</v>
      </c>
      <c r="B25" t="s">
        <v>26</v>
      </c>
      <c r="D25" t="str">
        <f>IFERROR(VLOOKUP(ROWS($D$2:D25),$A$2:$B$250,2,0),"")</f>
        <v/>
      </c>
    </row>
    <row r="26" spans="1:10">
      <c r="A26">
        <f>IF(ISNUMBER(FIND(#REF!,B26:B274)),MAX(A$1:$A25)+1,0)</f>
        <v>0</v>
      </c>
      <c r="B26" t="s">
        <v>27</v>
      </c>
      <c r="D26" t="str">
        <f>IFERROR(VLOOKUP(ROWS($D$2:D26),$A$2:$B$250,2,0),"")</f>
        <v/>
      </c>
    </row>
    <row r="27" spans="1:10">
      <c r="A27">
        <f>IF(ISNUMBER(FIND(#REF!,B27:B275)),MAX(A$1:$A26)+1,0)</f>
        <v>0</v>
      </c>
      <c r="B27" t="s">
        <v>28</v>
      </c>
      <c r="D27" t="str">
        <f>IFERROR(VLOOKUP(ROWS($D$2:D27),$A$2:$B$250,2,0),"")</f>
        <v/>
      </c>
    </row>
    <row r="28" spans="1:10">
      <c r="A28">
        <f>IF(ISNUMBER(FIND(#REF!,B28:B276)),MAX(A$1:$A27)+1,0)</f>
        <v>0</v>
      </c>
      <c r="B28" t="s">
        <v>29</v>
      </c>
      <c r="D28" t="str">
        <f>IFERROR(VLOOKUP(ROWS($D$2:D28),$A$2:$B$250,2,0),"")</f>
        <v/>
      </c>
    </row>
    <row r="29" spans="1:10">
      <c r="A29">
        <f>IF(ISNUMBER(FIND(#REF!,B29:B277)),MAX(A$1:$A28)+1,0)</f>
        <v>0</v>
      </c>
      <c r="B29" t="s">
        <v>30</v>
      </c>
      <c r="D29" t="str">
        <f>IFERROR(VLOOKUP(ROWS($D$2:D29),$A$2:$B$250,2,0),"")</f>
        <v/>
      </c>
    </row>
    <row r="30" spans="1:10">
      <c r="A30">
        <f>IF(ISNUMBER(FIND(#REF!,B30:B278)),MAX(A$1:$A29)+1,0)</f>
        <v>0</v>
      </c>
      <c r="B30" t="s">
        <v>31</v>
      </c>
      <c r="D30" t="str">
        <f>IFERROR(VLOOKUP(ROWS($D$2:D30),$A$2:$B$250,2,0),"")</f>
        <v/>
      </c>
    </row>
    <row r="31" spans="1:10">
      <c r="A31">
        <f>IF(ISNUMBER(FIND(#REF!,B31:B279)),MAX(A$1:$A30)+1,0)</f>
        <v>0</v>
      </c>
      <c r="B31" t="s">
        <v>32</v>
      </c>
      <c r="D31" t="str">
        <f>IFERROR(VLOOKUP(ROWS($D$2:D31),$A$2:$B$250,2,0),"")</f>
        <v/>
      </c>
    </row>
    <row r="32" spans="1:10">
      <c r="A32">
        <f>IF(ISNUMBER(FIND(#REF!,B32:B280)),MAX(A$1:$A31)+1,0)</f>
        <v>0</v>
      </c>
      <c r="B32" t="s">
        <v>33</v>
      </c>
      <c r="D32" t="str">
        <f>IFERROR(VLOOKUP(ROWS($D$2:D32),$A$2:$B$250,2,0),"")</f>
        <v/>
      </c>
    </row>
    <row r="33" spans="1:4">
      <c r="A33">
        <f>IF(ISNUMBER(FIND(#REF!,B33:B281)),MAX(A$1:$A32)+1,0)</f>
        <v>0</v>
      </c>
      <c r="B33" t="s">
        <v>34</v>
      </c>
      <c r="D33" t="str">
        <f>IFERROR(VLOOKUP(ROWS($D$2:D33),$A$2:$B$250,2,0),"")</f>
        <v/>
      </c>
    </row>
    <row r="34" spans="1:4">
      <c r="A34">
        <f>IF(ISNUMBER(FIND(#REF!,B34:B282)),MAX(A$1:$A33)+1,0)</f>
        <v>0</v>
      </c>
      <c r="B34" t="s">
        <v>35</v>
      </c>
      <c r="D34" t="str">
        <f>IFERROR(VLOOKUP(ROWS($D$2:D34),$A$2:$B$250,2,0),"")</f>
        <v/>
      </c>
    </row>
    <row r="35" spans="1:4">
      <c r="A35">
        <f>IF(ISNUMBER(FIND(#REF!,B35:B283)),MAX(A$1:$A34)+1,0)</f>
        <v>0</v>
      </c>
      <c r="B35" t="s">
        <v>36</v>
      </c>
      <c r="D35" t="str">
        <f>IFERROR(VLOOKUP(ROWS($D$2:D35),$A$2:$B$250,2,0),"")</f>
        <v/>
      </c>
    </row>
    <row r="36" spans="1:4">
      <c r="A36">
        <f>IF(ISNUMBER(FIND(#REF!,B36:B284)),MAX(A$1:$A35)+1,0)</f>
        <v>0</v>
      </c>
      <c r="B36" t="s">
        <v>37</v>
      </c>
      <c r="D36" t="str">
        <f>IFERROR(VLOOKUP(ROWS($D$2:D36),$A$2:$B$250,2,0),"")</f>
        <v/>
      </c>
    </row>
    <row r="37" spans="1:4">
      <c r="A37">
        <f>IF(ISNUMBER(FIND(#REF!,B37:B285)),MAX(A$1:$A36)+1,0)</f>
        <v>0</v>
      </c>
      <c r="B37" t="s">
        <v>38</v>
      </c>
      <c r="D37" t="str">
        <f>IFERROR(VLOOKUP(ROWS($D$2:D37),$A$2:$B$250,2,0),"")</f>
        <v/>
      </c>
    </row>
    <row r="38" spans="1:4">
      <c r="A38">
        <f>IF(ISNUMBER(FIND(#REF!,B38:B286)),MAX(A$1:$A37)+1,0)</f>
        <v>0</v>
      </c>
      <c r="B38" t="s">
        <v>39</v>
      </c>
      <c r="D38" t="str">
        <f>IFERROR(VLOOKUP(ROWS($D$2:D38),$A$2:$B$250,2,0),"")</f>
        <v/>
      </c>
    </row>
    <row r="39" spans="1:4">
      <c r="A39">
        <f>IF(ISNUMBER(FIND(#REF!,B39:B287)),MAX(A$1:$A38)+1,0)</f>
        <v>0</v>
      </c>
      <c r="B39" t="s">
        <v>40</v>
      </c>
      <c r="D39" t="str">
        <f>IFERROR(VLOOKUP(ROWS($D$2:D39),$A$2:$B$250,2,0),"")</f>
        <v/>
      </c>
    </row>
    <row r="40" spans="1:4">
      <c r="A40">
        <f>IF(ISNUMBER(FIND(#REF!,B40:B288)),MAX(A$1:$A39)+1,0)</f>
        <v>0</v>
      </c>
      <c r="B40" t="s">
        <v>41</v>
      </c>
      <c r="D40" t="str">
        <f>IFERROR(VLOOKUP(ROWS($D$2:D40),$A$2:$B$250,2,0),"")</f>
        <v/>
      </c>
    </row>
    <row r="41" spans="1:4">
      <c r="A41">
        <f>IF(ISNUMBER(FIND(#REF!,B41:B289)),MAX(A$1:$A40)+1,0)</f>
        <v>0</v>
      </c>
      <c r="B41" t="s">
        <v>42</v>
      </c>
      <c r="D41" t="str">
        <f>IFERROR(VLOOKUP(ROWS($D$2:D41),$A$2:$B$250,2,0),"")</f>
        <v/>
      </c>
    </row>
    <row r="42" spans="1:4">
      <c r="A42">
        <f>IF(ISNUMBER(FIND(#REF!,B42:B290)),MAX(A$1:$A41)+1,0)</f>
        <v>0</v>
      </c>
      <c r="B42" t="s">
        <v>43</v>
      </c>
      <c r="D42" t="str">
        <f>IFERROR(VLOOKUP(ROWS($D$2:D42),$A$2:$B$250,2,0),"")</f>
        <v/>
      </c>
    </row>
    <row r="43" spans="1:4">
      <c r="A43">
        <f>IF(ISNUMBER(FIND(#REF!,B43:B291)),MAX(A$1:$A42)+1,0)</f>
        <v>0</v>
      </c>
      <c r="B43" t="s">
        <v>44</v>
      </c>
      <c r="D43" t="str">
        <f>IFERROR(VLOOKUP(ROWS($D$2:D43),$A$2:$B$250,2,0),"")</f>
        <v/>
      </c>
    </row>
    <row r="44" spans="1:4">
      <c r="A44">
        <f>IF(ISNUMBER(FIND(#REF!,B44:B292)),MAX(A$1:$A43)+1,0)</f>
        <v>0</v>
      </c>
      <c r="B44" t="s">
        <v>45</v>
      </c>
      <c r="D44" t="str">
        <f>IFERROR(VLOOKUP(ROWS($D$2:D44),$A$2:$B$250,2,0),"")</f>
        <v/>
      </c>
    </row>
    <row r="45" spans="1:4">
      <c r="A45">
        <f>IF(ISNUMBER(FIND(#REF!,B45:B293)),MAX(A$1:$A44)+1,0)</f>
        <v>0</v>
      </c>
      <c r="B45" t="s">
        <v>46</v>
      </c>
      <c r="D45" t="str">
        <f>IFERROR(VLOOKUP(ROWS($D$2:D45),$A$2:$B$250,2,0),"")</f>
        <v/>
      </c>
    </row>
    <row r="46" spans="1:4">
      <c r="A46">
        <f>IF(ISNUMBER(FIND(#REF!,B46:B294)),MAX(A$1:$A45)+1,0)</f>
        <v>0</v>
      </c>
      <c r="B46" t="s">
        <v>47</v>
      </c>
      <c r="D46" t="str">
        <f>IFERROR(VLOOKUP(ROWS($D$2:D46),$A$2:$B$250,2,0),"")</f>
        <v/>
      </c>
    </row>
    <row r="47" spans="1:4">
      <c r="A47">
        <f>IF(ISNUMBER(FIND(#REF!,B47:B295)),MAX(A$1:$A46)+1,0)</f>
        <v>0</v>
      </c>
      <c r="B47" t="s">
        <v>48</v>
      </c>
      <c r="D47" t="str">
        <f>IFERROR(VLOOKUP(ROWS($D$2:D47),$A$2:$B$250,2,0),"")</f>
        <v/>
      </c>
    </row>
    <row r="48" spans="1:4">
      <c r="A48">
        <f>IF(ISNUMBER(FIND(#REF!,B48:B296)),MAX(A$1:$A47)+1,0)</f>
        <v>0</v>
      </c>
      <c r="B48" t="s">
        <v>49</v>
      </c>
      <c r="D48" t="str">
        <f>IFERROR(VLOOKUP(ROWS($D$2:D48),$A$2:$B$250,2,0),"")</f>
        <v/>
      </c>
    </row>
    <row r="49" spans="1:4">
      <c r="A49">
        <f>IF(ISNUMBER(FIND(#REF!,B49:B297)),MAX(A$1:$A48)+1,0)</f>
        <v>0</v>
      </c>
      <c r="B49" t="s">
        <v>50</v>
      </c>
      <c r="D49" t="str">
        <f>IFERROR(VLOOKUP(ROWS($D$2:D49),$A$2:$B$250,2,0),"")</f>
        <v/>
      </c>
    </row>
    <row r="50" spans="1:4">
      <c r="A50">
        <f>IF(ISNUMBER(FIND(#REF!,B50:B298)),MAX(A$1:$A49)+1,0)</f>
        <v>0</v>
      </c>
      <c r="B50" t="s">
        <v>51</v>
      </c>
      <c r="D50" t="str">
        <f>IFERROR(VLOOKUP(ROWS($D$2:D50),$A$2:$B$250,2,0),"")</f>
        <v/>
      </c>
    </row>
    <row r="51" spans="1:4">
      <c r="A51">
        <f>IF(ISNUMBER(FIND(#REF!,B51:B299)),MAX(A$1:$A50)+1,0)</f>
        <v>0</v>
      </c>
      <c r="B51" t="s">
        <v>52</v>
      </c>
      <c r="D51" t="str">
        <f>IFERROR(VLOOKUP(ROWS($D$2:D51),$A$2:$B$250,2,0),"")</f>
        <v/>
      </c>
    </row>
    <row r="52" spans="1:4">
      <c r="A52">
        <f>IF(ISNUMBER(FIND(#REF!,B52:B300)),MAX(A$1:$A51)+1,0)</f>
        <v>0</v>
      </c>
      <c r="B52" t="s">
        <v>53</v>
      </c>
      <c r="D52" t="str">
        <f>IFERROR(VLOOKUP(ROWS($D$2:D52),$A$2:$B$250,2,0),"")</f>
        <v/>
      </c>
    </row>
    <row r="53" spans="1:4">
      <c r="A53">
        <f>IF(ISNUMBER(FIND(#REF!,B53:B301)),MAX(A$1:$A52)+1,0)</f>
        <v>0</v>
      </c>
      <c r="B53" t="s">
        <v>54</v>
      </c>
      <c r="D53" t="str">
        <f>IFERROR(VLOOKUP(ROWS($D$2:D53),$A$2:$B$250,2,0),"")</f>
        <v/>
      </c>
    </row>
    <row r="54" spans="1:4">
      <c r="A54">
        <f>IF(ISNUMBER(FIND(#REF!,B54:B302)),MAX(A$1:$A53)+1,0)</f>
        <v>0</v>
      </c>
      <c r="B54" t="s">
        <v>55</v>
      </c>
      <c r="D54" t="str">
        <f>IFERROR(VLOOKUP(ROWS($D$2:D54),$A$2:$B$250,2,0),"")</f>
        <v/>
      </c>
    </row>
    <row r="55" spans="1:4">
      <c r="A55">
        <f>IF(ISNUMBER(FIND(#REF!,B55:B303)),MAX(A$1:$A54)+1,0)</f>
        <v>0</v>
      </c>
      <c r="B55" t="s">
        <v>56</v>
      </c>
      <c r="D55" t="str">
        <f>IFERROR(VLOOKUP(ROWS($D$2:D55),$A$2:$B$250,2,0),"")</f>
        <v/>
      </c>
    </row>
    <row r="56" spans="1:4">
      <c r="A56">
        <f>IF(ISNUMBER(FIND(#REF!,B56:B304)),MAX(A$1:$A55)+1,0)</f>
        <v>0</v>
      </c>
      <c r="B56" t="s">
        <v>57</v>
      </c>
      <c r="D56" t="str">
        <f>IFERROR(VLOOKUP(ROWS($D$2:D56),$A$2:$B$250,2,0),"")</f>
        <v/>
      </c>
    </row>
    <row r="57" spans="1:4">
      <c r="A57">
        <f>IF(ISNUMBER(FIND(#REF!,B57:B305)),MAX(A$1:$A56)+1,0)</f>
        <v>0</v>
      </c>
      <c r="B57" t="s">
        <v>58</v>
      </c>
      <c r="D57" t="str">
        <f>IFERROR(VLOOKUP(ROWS($D$2:D57),$A$2:$B$250,2,0),"")</f>
        <v/>
      </c>
    </row>
    <row r="58" spans="1:4">
      <c r="A58">
        <f>IF(ISNUMBER(FIND(#REF!,B58:B306)),MAX(A$1:$A57)+1,0)</f>
        <v>0</v>
      </c>
      <c r="B58" t="s">
        <v>59</v>
      </c>
      <c r="D58" t="str">
        <f>IFERROR(VLOOKUP(ROWS($D$2:D58),$A$2:$B$250,2,0),"")</f>
        <v/>
      </c>
    </row>
    <row r="59" spans="1:4">
      <c r="A59">
        <f>IF(ISNUMBER(FIND(#REF!,B59:B307)),MAX(A$1:$A58)+1,0)</f>
        <v>0</v>
      </c>
      <c r="B59" t="s">
        <v>60</v>
      </c>
      <c r="D59" t="str">
        <f>IFERROR(VLOOKUP(ROWS($D$2:D59),$A$2:$B$250,2,0),"")</f>
        <v/>
      </c>
    </row>
    <row r="60" spans="1:4">
      <c r="A60">
        <f>IF(ISNUMBER(FIND(#REF!,B60:B308)),MAX(A$1:$A59)+1,0)</f>
        <v>0</v>
      </c>
      <c r="B60" t="s">
        <v>61</v>
      </c>
      <c r="D60" t="str">
        <f>IFERROR(VLOOKUP(ROWS($D$2:D60),$A$2:$B$250,2,0),"")</f>
        <v/>
      </c>
    </row>
    <row r="61" spans="1:4">
      <c r="A61">
        <f>IF(ISNUMBER(FIND(#REF!,B61:B309)),MAX(A$1:$A60)+1,0)</f>
        <v>0</v>
      </c>
      <c r="B61" t="s">
        <v>62</v>
      </c>
      <c r="D61" t="str">
        <f>IFERROR(VLOOKUP(ROWS($D$2:D61),$A$2:$B$250,2,0),"")</f>
        <v/>
      </c>
    </row>
    <row r="62" spans="1:4">
      <c r="A62">
        <f>IF(ISNUMBER(FIND(#REF!,B62:B310)),MAX(A$1:$A61)+1,0)</f>
        <v>0</v>
      </c>
      <c r="B62" t="s">
        <v>63</v>
      </c>
      <c r="D62" t="str">
        <f>IFERROR(VLOOKUP(ROWS($D$2:D62),$A$2:$B$250,2,0),"")</f>
        <v/>
      </c>
    </row>
    <row r="63" spans="1:4">
      <c r="A63">
        <f>IF(ISNUMBER(FIND(#REF!,B63:B311)),MAX(A$1:$A62)+1,0)</f>
        <v>0</v>
      </c>
      <c r="B63" t="s">
        <v>64</v>
      </c>
      <c r="D63" t="str">
        <f>IFERROR(VLOOKUP(ROWS($D$2:D63),$A$2:$B$250,2,0),"")</f>
        <v/>
      </c>
    </row>
    <row r="64" spans="1:4">
      <c r="A64">
        <f>IF(ISNUMBER(FIND(#REF!,B64:B312)),MAX(A$1:$A63)+1,0)</f>
        <v>0</v>
      </c>
      <c r="B64" t="s">
        <v>65</v>
      </c>
      <c r="D64" t="str">
        <f>IFERROR(VLOOKUP(ROWS($D$2:D64),$A$2:$B$250,2,0),"")</f>
        <v/>
      </c>
    </row>
    <row r="65" spans="1:4">
      <c r="A65">
        <f>IF(ISNUMBER(FIND(#REF!,B65:B313)),MAX(A$1:$A64)+1,0)</f>
        <v>0</v>
      </c>
      <c r="B65" t="s">
        <v>66</v>
      </c>
      <c r="D65" t="str">
        <f>IFERROR(VLOOKUP(ROWS($D$2:D65),$A$2:$B$250,2,0),"")</f>
        <v/>
      </c>
    </row>
    <row r="66" spans="1:4">
      <c r="A66">
        <f>IF(ISNUMBER(FIND(#REF!,B66:B314)),MAX(A$1:$A65)+1,0)</f>
        <v>0</v>
      </c>
      <c r="B66" t="s">
        <v>67</v>
      </c>
      <c r="D66" t="str">
        <f>IFERROR(VLOOKUP(ROWS($D$2:D66),$A$2:$B$250,2,0),"")</f>
        <v/>
      </c>
    </row>
    <row r="67" spans="1:4">
      <c r="A67">
        <f>IF(ISNUMBER(FIND(#REF!,B67:B315)),MAX(A$1:$A66)+1,0)</f>
        <v>0</v>
      </c>
      <c r="B67" t="s">
        <v>68</v>
      </c>
      <c r="D67" t="str">
        <f>IFERROR(VLOOKUP(ROWS($D$2:D67),$A$2:$B$250,2,0),"")</f>
        <v/>
      </c>
    </row>
    <row r="68" spans="1:4">
      <c r="A68">
        <f>IF(ISNUMBER(FIND(#REF!,B68:B316)),MAX(A$1:$A67)+1,0)</f>
        <v>0</v>
      </c>
      <c r="B68" t="s">
        <v>69</v>
      </c>
      <c r="D68" t="str">
        <f>IFERROR(VLOOKUP(ROWS($D$2:D68),$A$2:$B$250,2,0),"")</f>
        <v/>
      </c>
    </row>
    <row r="69" spans="1:4">
      <c r="A69">
        <f>IF(ISNUMBER(FIND(#REF!,B69:B317)),MAX(A$1:$A68)+1,0)</f>
        <v>0</v>
      </c>
      <c r="B69" t="s">
        <v>70</v>
      </c>
      <c r="D69" t="str">
        <f>IFERROR(VLOOKUP(ROWS($D$2:D69),$A$2:$B$250,2,0),"")</f>
        <v/>
      </c>
    </row>
    <row r="70" spans="1:4">
      <c r="A70">
        <f>IF(ISNUMBER(FIND(#REF!,B70:B318)),MAX(A$1:$A69)+1,0)</f>
        <v>0</v>
      </c>
      <c r="B70" t="s">
        <v>71</v>
      </c>
      <c r="D70" t="str">
        <f>IFERROR(VLOOKUP(ROWS($D$2:D70),$A$2:$B$250,2,0),"")</f>
        <v/>
      </c>
    </row>
    <row r="71" spans="1:4">
      <c r="A71">
        <f>IF(ISNUMBER(FIND(#REF!,B71:B319)),MAX(A$1:$A70)+1,0)</f>
        <v>0</v>
      </c>
      <c r="B71" t="s">
        <v>72</v>
      </c>
      <c r="D71" t="str">
        <f>IFERROR(VLOOKUP(ROWS($D$2:D71),$A$2:$B$250,2,0),"")</f>
        <v/>
      </c>
    </row>
    <row r="72" spans="1:4">
      <c r="A72">
        <f>IF(ISNUMBER(FIND(#REF!,B72:B320)),MAX(A$1:$A71)+1,0)</f>
        <v>0</v>
      </c>
      <c r="B72" t="s">
        <v>73</v>
      </c>
      <c r="D72" t="str">
        <f>IFERROR(VLOOKUP(ROWS($D$2:D72),$A$2:$B$250,2,0),"")</f>
        <v/>
      </c>
    </row>
    <row r="73" spans="1:4">
      <c r="A73">
        <f>IF(ISNUMBER(FIND(#REF!,B73:B321)),MAX(A$1:$A72)+1,0)</f>
        <v>0</v>
      </c>
      <c r="B73" t="s">
        <v>74</v>
      </c>
      <c r="D73" t="str">
        <f>IFERROR(VLOOKUP(ROWS($D$2:D73),$A$2:$B$250,2,0),"")</f>
        <v/>
      </c>
    </row>
    <row r="74" spans="1:4">
      <c r="A74">
        <f>IF(ISNUMBER(FIND(#REF!,B74:B322)),MAX(A$1:$A73)+1,0)</f>
        <v>0</v>
      </c>
      <c r="B74" t="s">
        <v>75</v>
      </c>
      <c r="D74" t="str">
        <f>IFERROR(VLOOKUP(ROWS($D$2:D74),$A$2:$B$250,2,0),"")</f>
        <v/>
      </c>
    </row>
    <row r="75" spans="1:4">
      <c r="A75">
        <f>IF(ISNUMBER(FIND(#REF!,B75:B323)),MAX(A$1:$A74)+1,0)</f>
        <v>0</v>
      </c>
      <c r="B75" t="s">
        <v>76</v>
      </c>
      <c r="D75" t="str">
        <f>IFERROR(VLOOKUP(ROWS($D$2:D75),$A$2:$B$250,2,0),"")</f>
        <v/>
      </c>
    </row>
    <row r="76" spans="1:4">
      <c r="A76">
        <f>IF(ISNUMBER(FIND(#REF!,B76:B324)),MAX(A$1:$A75)+1,0)</f>
        <v>0</v>
      </c>
      <c r="B76" t="s">
        <v>77</v>
      </c>
      <c r="D76" t="str">
        <f>IFERROR(VLOOKUP(ROWS($D$2:D76),$A$2:$B$250,2,0),"")</f>
        <v/>
      </c>
    </row>
    <row r="77" spans="1:4">
      <c r="A77">
        <f>IF(ISNUMBER(FIND(#REF!,B77:B325)),MAX(A$1:$A76)+1,0)</f>
        <v>0</v>
      </c>
      <c r="B77" t="s">
        <v>78</v>
      </c>
      <c r="D77" t="str">
        <f>IFERROR(VLOOKUP(ROWS($D$2:D77),$A$2:$B$250,2,0),"")</f>
        <v/>
      </c>
    </row>
    <row r="78" spans="1:4">
      <c r="A78">
        <f>IF(ISNUMBER(FIND(#REF!,B78:B326)),MAX(A$1:$A77)+1,0)</f>
        <v>0</v>
      </c>
      <c r="B78" t="s">
        <v>79</v>
      </c>
      <c r="D78" t="str">
        <f>IFERROR(VLOOKUP(ROWS($D$2:D78),$A$2:$B$250,2,0),"")</f>
        <v/>
      </c>
    </row>
    <row r="79" spans="1:4">
      <c r="A79">
        <f>IF(ISNUMBER(FIND(#REF!,B79:B327)),MAX(A$1:$A78)+1,0)</f>
        <v>0</v>
      </c>
      <c r="B79" t="s">
        <v>80</v>
      </c>
      <c r="D79" t="str">
        <f>IFERROR(VLOOKUP(ROWS($D$2:D79),$A$2:$B$250,2,0),"")</f>
        <v/>
      </c>
    </row>
    <row r="80" spans="1:4">
      <c r="A80">
        <f>IF(ISNUMBER(FIND(#REF!,B80:B328)),MAX(A$1:$A79)+1,0)</f>
        <v>0</v>
      </c>
      <c r="B80" t="s">
        <v>81</v>
      </c>
      <c r="D80" t="str">
        <f>IFERROR(VLOOKUP(ROWS($D$2:D80),$A$2:$B$250,2,0),"")</f>
        <v/>
      </c>
    </row>
    <row r="81" spans="1:4">
      <c r="A81">
        <f>IF(ISNUMBER(FIND(#REF!,B81:B329)),MAX(A$1:$A80)+1,0)</f>
        <v>0</v>
      </c>
      <c r="B81" t="s">
        <v>82</v>
      </c>
      <c r="D81" t="str">
        <f>IFERROR(VLOOKUP(ROWS($D$2:D81),$A$2:$B$250,2,0),"")</f>
        <v/>
      </c>
    </row>
    <row r="82" spans="1:4">
      <c r="A82">
        <f>IF(ISNUMBER(FIND(#REF!,B82:B330)),MAX(A$1:$A81)+1,0)</f>
        <v>0</v>
      </c>
      <c r="B82" t="s">
        <v>83</v>
      </c>
      <c r="D82" t="str">
        <f>IFERROR(VLOOKUP(ROWS($D$2:D82),$A$2:$B$250,2,0),"")</f>
        <v/>
      </c>
    </row>
    <row r="83" spans="1:4">
      <c r="A83">
        <f>IF(ISNUMBER(FIND(#REF!,B83:B331)),MAX(A$1:$A82)+1,0)</f>
        <v>0</v>
      </c>
      <c r="B83" t="s">
        <v>84</v>
      </c>
      <c r="D83" t="str">
        <f>IFERROR(VLOOKUP(ROWS($D$2:D83),$A$2:$B$250,2,0),"")</f>
        <v/>
      </c>
    </row>
    <row r="84" spans="1:4">
      <c r="A84">
        <f>IF(ISNUMBER(FIND(#REF!,B84:B332)),MAX(A$1:$A83)+1,0)</f>
        <v>0</v>
      </c>
      <c r="B84" t="s">
        <v>85</v>
      </c>
      <c r="D84" t="str">
        <f>IFERROR(VLOOKUP(ROWS($D$2:D84),$A$2:$B$250,2,0),"")</f>
        <v/>
      </c>
    </row>
    <row r="85" spans="1:4">
      <c r="A85">
        <f>IF(ISNUMBER(FIND(#REF!,B85:B333)),MAX(A$1:$A84)+1,0)</f>
        <v>0</v>
      </c>
      <c r="B85" t="s">
        <v>86</v>
      </c>
      <c r="D85" t="str">
        <f>IFERROR(VLOOKUP(ROWS($D$2:D85),$A$2:$B$250,2,0),"")</f>
        <v/>
      </c>
    </row>
    <row r="86" spans="1:4">
      <c r="A86">
        <f>IF(ISNUMBER(FIND(#REF!,B86:B334)),MAX(A$1:$A85)+1,0)</f>
        <v>0</v>
      </c>
      <c r="B86" t="s">
        <v>87</v>
      </c>
      <c r="D86" t="str">
        <f>IFERROR(VLOOKUP(ROWS($D$2:D86),$A$2:$B$250,2,0),"")</f>
        <v/>
      </c>
    </row>
    <row r="87" spans="1:4">
      <c r="A87">
        <f>IF(ISNUMBER(FIND(#REF!,B87:B335)),MAX(A$1:$A86)+1,0)</f>
        <v>0</v>
      </c>
      <c r="B87" t="s">
        <v>88</v>
      </c>
      <c r="D87" t="str">
        <f>IFERROR(VLOOKUP(ROWS($D$2:D87),$A$2:$B$250,2,0),"")</f>
        <v/>
      </c>
    </row>
    <row r="88" spans="1:4">
      <c r="A88">
        <f>IF(ISNUMBER(FIND(#REF!,B88:B336)),MAX(A$1:$A87)+1,0)</f>
        <v>0</v>
      </c>
      <c r="B88" t="s">
        <v>89</v>
      </c>
      <c r="D88" t="str">
        <f>IFERROR(VLOOKUP(ROWS($D$2:D88),$A$2:$B$250,2,0),"")</f>
        <v/>
      </c>
    </row>
    <row r="89" spans="1:4">
      <c r="A89">
        <f>IF(ISNUMBER(FIND(#REF!,B89:B337)),MAX(A$1:$A88)+1,0)</f>
        <v>0</v>
      </c>
      <c r="B89" t="s">
        <v>90</v>
      </c>
      <c r="D89" t="str">
        <f>IFERROR(VLOOKUP(ROWS($D$2:D89),$A$2:$B$250,2,0),"")</f>
        <v/>
      </c>
    </row>
    <row r="90" spans="1:4">
      <c r="A90">
        <f>IF(ISNUMBER(FIND(#REF!,B90:B338)),MAX(A$1:$A89)+1,0)</f>
        <v>0</v>
      </c>
      <c r="B90" t="s">
        <v>91</v>
      </c>
      <c r="D90" t="str">
        <f>IFERROR(VLOOKUP(ROWS($D$2:D90),$A$2:$B$250,2,0),"")</f>
        <v/>
      </c>
    </row>
    <row r="91" spans="1:4">
      <c r="A91">
        <f>IF(ISNUMBER(FIND(#REF!,B91:B339)),MAX(A$1:$A90)+1,0)</f>
        <v>0</v>
      </c>
      <c r="B91" t="s">
        <v>92</v>
      </c>
      <c r="D91" t="str">
        <f>IFERROR(VLOOKUP(ROWS($D$2:D91),$A$2:$B$250,2,0),"")</f>
        <v/>
      </c>
    </row>
    <row r="92" spans="1:4">
      <c r="A92">
        <f>IF(ISNUMBER(FIND(#REF!,B92:B340)),MAX(A$1:$A91)+1,0)</f>
        <v>0</v>
      </c>
      <c r="B92" t="s">
        <v>93</v>
      </c>
      <c r="D92" t="str">
        <f>IFERROR(VLOOKUP(ROWS($D$2:D92),$A$2:$B$250,2,0),"")</f>
        <v/>
      </c>
    </row>
    <row r="93" spans="1:4">
      <c r="A93">
        <f>IF(ISNUMBER(FIND(#REF!,B93:B341)),MAX(A$1:$A92)+1,0)</f>
        <v>0</v>
      </c>
      <c r="B93" t="s">
        <v>94</v>
      </c>
      <c r="D93" t="str">
        <f>IFERROR(VLOOKUP(ROWS($D$2:D93),$A$2:$B$250,2,0),"")</f>
        <v/>
      </c>
    </row>
    <row r="94" spans="1:4">
      <c r="A94">
        <f>IF(ISNUMBER(FIND(#REF!,B94:B342)),MAX(A$1:$A93)+1,0)</f>
        <v>0</v>
      </c>
      <c r="B94" t="s">
        <v>95</v>
      </c>
      <c r="D94" t="str">
        <f>IFERROR(VLOOKUP(ROWS($D$2:D94),$A$2:$B$250,2,0),"")</f>
        <v/>
      </c>
    </row>
    <row r="95" spans="1:4">
      <c r="A95">
        <f>IF(ISNUMBER(FIND(#REF!,B95:B343)),MAX(A$1:$A94)+1,0)</f>
        <v>0</v>
      </c>
      <c r="B95" t="s">
        <v>96</v>
      </c>
      <c r="D95" t="str">
        <f>IFERROR(VLOOKUP(ROWS($D$2:D95),$A$2:$B$250,2,0),"")</f>
        <v/>
      </c>
    </row>
    <row r="96" spans="1:4">
      <c r="A96">
        <f>IF(ISNUMBER(FIND(#REF!,B96:B344)),MAX(A$1:$A95)+1,0)</f>
        <v>0</v>
      </c>
      <c r="B96" t="s">
        <v>97</v>
      </c>
      <c r="D96" t="str">
        <f>IFERROR(VLOOKUP(ROWS($D$2:D96),$A$2:$B$250,2,0),"")</f>
        <v/>
      </c>
    </row>
    <row r="97" spans="1:4">
      <c r="A97">
        <f>IF(ISNUMBER(FIND(#REF!,B97:B345)),MAX(A$1:$A96)+1,0)</f>
        <v>0</v>
      </c>
      <c r="B97" t="s">
        <v>98</v>
      </c>
      <c r="D97" t="str">
        <f>IFERROR(VLOOKUP(ROWS($D$2:D97),$A$2:$B$250,2,0),"")</f>
        <v/>
      </c>
    </row>
    <row r="98" spans="1:4">
      <c r="A98">
        <f>IF(ISNUMBER(FIND(#REF!,B98:B346)),MAX(A$1:$A97)+1,0)</f>
        <v>0</v>
      </c>
      <c r="B98" t="s">
        <v>99</v>
      </c>
      <c r="D98" t="str">
        <f>IFERROR(VLOOKUP(ROWS($D$2:D98),$A$2:$B$250,2,0),"")</f>
        <v/>
      </c>
    </row>
    <row r="99" spans="1:4">
      <c r="A99">
        <f>IF(ISNUMBER(FIND(#REF!,B99:B347)),MAX(A$1:$A98)+1,0)</f>
        <v>0</v>
      </c>
      <c r="B99" t="s">
        <v>100</v>
      </c>
      <c r="D99" t="str">
        <f>IFERROR(VLOOKUP(ROWS($D$2:D99),$A$2:$B$250,2,0),"")</f>
        <v/>
      </c>
    </row>
    <row r="100" spans="1:4">
      <c r="A100">
        <f>IF(ISNUMBER(FIND(#REF!,B100:B348)),MAX(A$1:$A99)+1,0)</f>
        <v>0</v>
      </c>
      <c r="B100" t="s">
        <v>101</v>
      </c>
      <c r="D100" t="str">
        <f>IFERROR(VLOOKUP(ROWS($D$2:D100),$A$2:$B$250,2,0),"")</f>
        <v/>
      </c>
    </row>
    <row r="101" spans="1:4">
      <c r="A101">
        <f>IF(ISNUMBER(FIND(#REF!,B101:B349)),MAX(A$1:$A100)+1,0)</f>
        <v>0</v>
      </c>
      <c r="B101" t="s">
        <v>102</v>
      </c>
      <c r="D101" t="str">
        <f>IFERROR(VLOOKUP(ROWS($D$2:D101),$A$2:$B$250,2,0),"")</f>
        <v/>
      </c>
    </row>
    <row r="102" spans="1:4">
      <c r="A102">
        <f>IF(ISNUMBER(FIND(#REF!,B102:B350)),MAX(A$1:$A101)+1,0)</f>
        <v>0</v>
      </c>
      <c r="B102" t="s">
        <v>103</v>
      </c>
      <c r="D102" t="str">
        <f>IFERROR(VLOOKUP(ROWS($D$2:D102),$A$2:$B$250,2,0),"")</f>
        <v/>
      </c>
    </row>
    <row r="103" spans="1:4">
      <c r="A103">
        <f>IF(ISNUMBER(FIND(#REF!,B103:B351)),MAX(A$1:$A102)+1,0)</f>
        <v>0</v>
      </c>
      <c r="B103" t="s">
        <v>104</v>
      </c>
      <c r="D103" t="str">
        <f>IFERROR(VLOOKUP(ROWS($D$2:D103),$A$2:$B$250,2,0),"")</f>
        <v/>
      </c>
    </row>
    <row r="104" spans="1:4">
      <c r="A104">
        <f>IF(ISNUMBER(FIND(#REF!,B104:B352)),MAX(A$1:$A103)+1,0)</f>
        <v>0</v>
      </c>
      <c r="B104" t="s">
        <v>105</v>
      </c>
      <c r="D104" t="str">
        <f>IFERROR(VLOOKUP(ROWS($D$2:D104),$A$2:$B$250,2,0),"")</f>
        <v/>
      </c>
    </row>
    <row r="105" spans="1:4">
      <c r="A105">
        <f>IF(ISNUMBER(FIND(#REF!,B105:B353)),MAX(A$1:$A104)+1,0)</f>
        <v>0</v>
      </c>
      <c r="B105" t="s">
        <v>106</v>
      </c>
      <c r="D105" t="str">
        <f>IFERROR(VLOOKUP(ROWS($D$2:D105),$A$2:$B$250,2,0),"")</f>
        <v/>
      </c>
    </row>
    <row r="106" spans="1:4">
      <c r="A106">
        <f>IF(ISNUMBER(FIND(#REF!,B106:B354)),MAX(A$1:$A105)+1,0)</f>
        <v>0</v>
      </c>
      <c r="B106" t="s">
        <v>107</v>
      </c>
      <c r="D106" t="str">
        <f>IFERROR(VLOOKUP(ROWS($D$2:D106),$A$2:$B$250,2,0),"")</f>
        <v/>
      </c>
    </row>
    <row r="107" spans="1:4">
      <c r="A107">
        <f>IF(ISNUMBER(FIND(#REF!,B107:B355)),MAX(A$1:$A106)+1,0)</f>
        <v>0</v>
      </c>
      <c r="B107" t="s">
        <v>108</v>
      </c>
      <c r="D107" t="str">
        <f>IFERROR(VLOOKUP(ROWS($D$2:D107),$A$2:$B$250,2,0),"")</f>
        <v/>
      </c>
    </row>
    <row r="108" spans="1:4">
      <c r="A108">
        <f>IF(ISNUMBER(FIND(#REF!,B108:B356)),MAX(A$1:$A107)+1,0)</f>
        <v>0</v>
      </c>
      <c r="B108" t="s">
        <v>109</v>
      </c>
      <c r="D108" t="str">
        <f>IFERROR(VLOOKUP(ROWS($D$2:D108),$A$2:$B$250,2,0),"")</f>
        <v/>
      </c>
    </row>
    <row r="109" spans="1:4">
      <c r="A109">
        <f>IF(ISNUMBER(FIND(#REF!,B109:B357)),MAX(A$1:$A108)+1,0)</f>
        <v>0</v>
      </c>
      <c r="B109" t="s">
        <v>110</v>
      </c>
      <c r="D109" t="str">
        <f>IFERROR(VLOOKUP(ROWS($D$2:D109),$A$2:$B$250,2,0),"")</f>
        <v/>
      </c>
    </row>
    <row r="110" spans="1:4">
      <c r="A110">
        <f>IF(ISNUMBER(FIND(#REF!,B110:B358)),MAX(A$1:$A109)+1,0)</f>
        <v>0</v>
      </c>
      <c r="B110" t="s">
        <v>111</v>
      </c>
      <c r="D110" t="str">
        <f>IFERROR(VLOOKUP(ROWS($D$2:D110),$A$2:$B$250,2,0),"")</f>
        <v/>
      </c>
    </row>
    <row r="111" spans="1:4">
      <c r="A111">
        <f>IF(ISNUMBER(FIND(#REF!,B111:B359)),MAX(A$1:$A110)+1,0)</f>
        <v>0</v>
      </c>
      <c r="B111" t="s">
        <v>112</v>
      </c>
      <c r="D111" t="str">
        <f>IFERROR(VLOOKUP(ROWS($D$2:D111),$A$2:$B$250,2,0),"")</f>
        <v/>
      </c>
    </row>
    <row r="112" spans="1:4">
      <c r="A112">
        <f>IF(ISNUMBER(FIND(#REF!,B112:B360)),MAX(A$1:$A111)+1,0)</f>
        <v>0</v>
      </c>
      <c r="B112" t="s">
        <v>113</v>
      </c>
      <c r="D112" t="str">
        <f>IFERROR(VLOOKUP(ROWS($D$2:D112),$A$2:$B$250,2,0),"")</f>
        <v/>
      </c>
    </row>
    <row r="113" spans="1:4">
      <c r="A113">
        <f>IF(ISNUMBER(FIND(#REF!,B113:B361)),MAX(A$1:$A112)+1,0)</f>
        <v>0</v>
      </c>
      <c r="B113" t="s">
        <v>114</v>
      </c>
      <c r="D113" t="str">
        <f>IFERROR(VLOOKUP(ROWS($D$2:D113),$A$2:$B$250,2,0),"")</f>
        <v/>
      </c>
    </row>
    <row r="114" spans="1:4">
      <c r="A114">
        <f>IF(ISNUMBER(FIND(#REF!,B114:B362)),MAX(A$1:$A113)+1,0)</f>
        <v>0</v>
      </c>
      <c r="B114" t="s">
        <v>115</v>
      </c>
      <c r="D114" t="str">
        <f>IFERROR(VLOOKUP(ROWS($D$2:D114),$A$2:$B$250,2,0),"")</f>
        <v/>
      </c>
    </row>
    <row r="115" spans="1:4">
      <c r="A115">
        <f>IF(ISNUMBER(FIND(#REF!,B115:B363)),MAX(A$1:$A114)+1,0)</f>
        <v>0</v>
      </c>
      <c r="B115" t="s">
        <v>116</v>
      </c>
      <c r="D115" t="str">
        <f>IFERROR(VLOOKUP(ROWS($D$2:D115),$A$2:$B$250,2,0),"")</f>
        <v/>
      </c>
    </row>
    <row r="116" spans="1:4">
      <c r="A116">
        <f>IF(ISNUMBER(FIND(#REF!,B116:B364)),MAX(A$1:$A115)+1,0)</f>
        <v>0</v>
      </c>
      <c r="B116" t="s">
        <v>117</v>
      </c>
      <c r="D116" t="str">
        <f>IFERROR(VLOOKUP(ROWS($D$2:D116),$A$2:$B$250,2,0),"")</f>
        <v/>
      </c>
    </row>
    <row r="117" spans="1:4">
      <c r="A117">
        <f>IF(ISNUMBER(FIND(#REF!,B117:B365)),MAX(A$1:$A116)+1,0)</f>
        <v>0</v>
      </c>
      <c r="B117" t="s">
        <v>118</v>
      </c>
      <c r="D117" t="str">
        <f>IFERROR(VLOOKUP(ROWS($D$2:D117),$A$2:$B$250,2,0),"")</f>
        <v/>
      </c>
    </row>
    <row r="118" spans="1:4">
      <c r="A118">
        <f>IF(ISNUMBER(FIND(#REF!,B118:B366)),MAX(A$1:$A117)+1,0)</f>
        <v>0</v>
      </c>
      <c r="B118" t="s">
        <v>119</v>
      </c>
      <c r="D118" t="str">
        <f>IFERROR(VLOOKUP(ROWS($D$2:D118),$A$2:$B$250,2,0),"")</f>
        <v/>
      </c>
    </row>
    <row r="119" spans="1:4">
      <c r="A119">
        <f>IF(ISNUMBER(FIND(#REF!,B119:B367)),MAX(A$1:$A118)+1,0)</f>
        <v>0</v>
      </c>
      <c r="B119" t="s">
        <v>120</v>
      </c>
      <c r="D119" t="str">
        <f>IFERROR(VLOOKUP(ROWS($D$2:D119),$A$2:$B$250,2,0),"")</f>
        <v/>
      </c>
    </row>
    <row r="120" spans="1:4">
      <c r="A120">
        <f>IF(ISNUMBER(FIND(#REF!,B120:B368)),MAX(A$1:$A119)+1,0)</f>
        <v>0</v>
      </c>
      <c r="B120" t="s">
        <v>121</v>
      </c>
      <c r="D120" t="str">
        <f>IFERROR(VLOOKUP(ROWS($D$2:D120),$A$2:$B$250,2,0),"")</f>
        <v/>
      </c>
    </row>
    <row r="121" spans="1:4">
      <c r="A121">
        <f>IF(ISNUMBER(FIND(#REF!,B121:B369)),MAX(A$1:$A120)+1,0)</f>
        <v>0</v>
      </c>
      <c r="B121" t="s">
        <v>122</v>
      </c>
      <c r="D121" t="str">
        <f>IFERROR(VLOOKUP(ROWS($D$2:D121),$A$2:$B$250,2,0),"")</f>
        <v/>
      </c>
    </row>
    <row r="122" spans="1:4">
      <c r="A122">
        <f>IF(ISNUMBER(FIND(#REF!,B122:B370)),MAX(A$1:$A121)+1,0)</f>
        <v>0</v>
      </c>
      <c r="B122" t="s">
        <v>123</v>
      </c>
      <c r="D122" t="str">
        <f>IFERROR(VLOOKUP(ROWS($D$2:D122),$A$2:$B$250,2,0),"")</f>
        <v/>
      </c>
    </row>
    <row r="123" spans="1:4">
      <c r="A123">
        <f>IF(ISNUMBER(FIND(#REF!,B123:B371)),MAX(A$1:$A122)+1,0)</f>
        <v>0</v>
      </c>
      <c r="B123" t="s">
        <v>124</v>
      </c>
      <c r="D123" t="str">
        <f>IFERROR(VLOOKUP(ROWS($D$2:D123),$A$2:$B$250,2,0),"")</f>
        <v/>
      </c>
    </row>
    <row r="124" spans="1:4">
      <c r="A124">
        <f>IF(ISNUMBER(FIND(#REF!,B124:B372)),MAX(A$1:$A123)+1,0)</f>
        <v>0</v>
      </c>
      <c r="B124" t="s">
        <v>125</v>
      </c>
      <c r="D124" t="str">
        <f>IFERROR(VLOOKUP(ROWS($D$2:D124),$A$2:$B$250,2,0),"")</f>
        <v/>
      </c>
    </row>
    <row r="125" spans="1:4">
      <c r="A125">
        <f>IF(ISNUMBER(FIND(#REF!,B125:B373)),MAX(A$1:$A124)+1,0)</f>
        <v>0</v>
      </c>
      <c r="B125" t="s">
        <v>126</v>
      </c>
      <c r="D125" t="str">
        <f>IFERROR(VLOOKUP(ROWS($D$2:D125),$A$2:$B$250,2,0),"")</f>
        <v/>
      </c>
    </row>
    <row r="126" spans="1:4">
      <c r="A126">
        <f>IF(ISNUMBER(FIND(#REF!,B126:B374)),MAX(A$1:$A125)+1,0)</f>
        <v>0</v>
      </c>
      <c r="B126" t="s">
        <v>127</v>
      </c>
      <c r="D126" t="str">
        <f>IFERROR(VLOOKUP(ROWS($D$2:D126),$A$2:$B$250,2,0),"")</f>
        <v/>
      </c>
    </row>
    <row r="127" spans="1:4">
      <c r="A127">
        <f>IF(ISNUMBER(FIND(#REF!,B127:B375)),MAX(A$1:$A126)+1,0)</f>
        <v>0</v>
      </c>
      <c r="B127" t="s">
        <v>128</v>
      </c>
      <c r="D127" t="str">
        <f>IFERROR(VLOOKUP(ROWS($D$2:D127),$A$2:$B$250,2,0),"")</f>
        <v/>
      </c>
    </row>
    <row r="128" spans="1:4">
      <c r="A128">
        <f>IF(ISNUMBER(FIND(#REF!,B128:B376)),MAX(A$1:$A127)+1,0)</f>
        <v>0</v>
      </c>
      <c r="B128" t="s">
        <v>129</v>
      </c>
      <c r="D128" t="str">
        <f>IFERROR(VLOOKUP(ROWS($D$2:D128),$A$2:$B$250,2,0),"")</f>
        <v/>
      </c>
    </row>
    <row r="129" spans="1:4">
      <c r="A129">
        <f>IF(ISNUMBER(FIND(#REF!,B129:B377)),MAX(A$1:$A128)+1,0)</f>
        <v>0</v>
      </c>
      <c r="B129" t="s">
        <v>130</v>
      </c>
      <c r="D129" t="str">
        <f>IFERROR(VLOOKUP(ROWS($D$2:D129),$A$2:$B$250,2,0),"")</f>
        <v/>
      </c>
    </row>
    <row r="130" spans="1:4">
      <c r="A130">
        <f>IF(ISNUMBER(FIND(#REF!,B130:B378)),MAX(A$1:$A129)+1,0)</f>
        <v>0</v>
      </c>
      <c r="B130" t="s">
        <v>131</v>
      </c>
      <c r="D130" t="str">
        <f>IFERROR(VLOOKUP(ROWS($D$2:D130),$A$2:$B$250,2,0),"")</f>
        <v/>
      </c>
    </row>
    <row r="131" spans="1:4">
      <c r="A131">
        <f>IF(ISNUMBER(FIND(#REF!,B131:B379)),MAX(A$1:$A130)+1,0)</f>
        <v>0</v>
      </c>
      <c r="B131" t="s">
        <v>132</v>
      </c>
      <c r="D131" t="str">
        <f>IFERROR(VLOOKUP(ROWS($D$2:D131),$A$2:$B$250,2,0),"")</f>
        <v/>
      </c>
    </row>
    <row r="132" spans="1:4">
      <c r="A132">
        <f>IF(ISNUMBER(FIND(#REF!,B132:B380)),MAX(A$1:$A131)+1,0)</f>
        <v>0</v>
      </c>
      <c r="B132" t="s">
        <v>133</v>
      </c>
      <c r="D132" t="str">
        <f>IFERROR(VLOOKUP(ROWS($D$2:D132),$A$2:$B$250,2,0),"")</f>
        <v/>
      </c>
    </row>
    <row r="133" spans="1:4">
      <c r="A133">
        <f>IF(ISNUMBER(FIND(#REF!,B133:B381)),MAX(A$1:$A132)+1,0)</f>
        <v>0</v>
      </c>
      <c r="B133" t="s">
        <v>134</v>
      </c>
      <c r="D133" t="str">
        <f>IFERROR(VLOOKUP(ROWS($D$2:D133),$A$2:$B$250,2,0),"")</f>
        <v/>
      </c>
    </row>
    <row r="134" spans="1:4">
      <c r="A134">
        <f>IF(ISNUMBER(FIND(#REF!,B134:B382)),MAX(A$1:$A133)+1,0)</f>
        <v>0</v>
      </c>
      <c r="B134" t="s">
        <v>135</v>
      </c>
      <c r="D134" t="str">
        <f>IFERROR(VLOOKUP(ROWS($D$2:D134),$A$2:$B$250,2,0),"")</f>
        <v/>
      </c>
    </row>
    <row r="135" spans="1:4">
      <c r="A135">
        <f>IF(ISNUMBER(FIND(#REF!,B135:B383)),MAX(A$1:$A134)+1,0)</f>
        <v>0</v>
      </c>
      <c r="B135" t="s">
        <v>136</v>
      </c>
      <c r="D135" t="str">
        <f>IFERROR(VLOOKUP(ROWS($D$2:D135),$A$2:$B$250,2,0),"")</f>
        <v/>
      </c>
    </row>
    <row r="136" spans="1:4">
      <c r="A136">
        <f>IF(ISNUMBER(FIND(#REF!,B136:B384)),MAX(A$1:$A135)+1,0)</f>
        <v>0</v>
      </c>
      <c r="B136" t="s">
        <v>137</v>
      </c>
      <c r="D136" t="str">
        <f>IFERROR(VLOOKUP(ROWS($D$2:D136),$A$2:$B$250,2,0),"")</f>
        <v/>
      </c>
    </row>
    <row r="137" spans="1:4">
      <c r="A137">
        <f>IF(ISNUMBER(FIND(#REF!,B137:B385)),MAX(A$1:$A136)+1,0)</f>
        <v>0</v>
      </c>
      <c r="B137" t="s">
        <v>138</v>
      </c>
      <c r="D137" t="str">
        <f>IFERROR(VLOOKUP(ROWS($D$2:D137),$A$2:$B$250,2,0),"")</f>
        <v/>
      </c>
    </row>
    <row r="138" spans="1:4">
      <c r="A138">
        <f>IF(ISNUMBER(FIND(#REF!,B138:B386)),MAX(A$1:$A137)+1,0)</f>
        <v>0</v>
      </c>
      <c r="B138" t="s">
        <v>139</v>
      </c>
      <c r="D138" t="str">
        <f>IFERROR(VLOOKUP(ROWS($D$2:D138),$A$2:$B$250,2,0),"")</f>
        <v/>
      </c>
    </row>
    <row r="139" spans="1:4">
      <c r="A139">
        <f>IF(ISNUMBER(FIND(#REF!,B139:B387)),MAX(A$1:$A138)+1,0)</f>
        <v>0</v>
      </c>
      <c r="B139" t="s">
        <v>140</v>
      </c>
      <c r="D139" t="str">
        <f>IFERROR(VLOOKUP(ROWS($D$2:D139),$A$2:$B$250,2,0),"")</f>
        <v/>
      </c>
    </row>
    <row r="140" spans="1:4">
      <c r="A140">
        <f>IF(ISNUMBER(FIND(#REF!,B140:B388)),MAX(A$1:$A139)+1,0)</f>
        <v>0</v>
      </c>
      <c r="B140" t="s">
        <v>141</v>
      </c>
      <c r="D140" t="str">
        <f>IFERROR(VLOOKUP(ROWS($D$2:D140),$A$2:$B$250,2,0),"")</f>
        <v/>
      </c>
    </row>
    <row r="141" spans="1:4">
      <c r="A141">
        <f>IF(ISNUMBER(FIND(#REF!,B141:B389)),MAX(A$1:$A140)+1,0)</f>
        <v>0</v>
      </c>
      <c r="B141" t="s">
        <v>142</v>
      </c>
      <c r="D141" t="str">
        <f>IFERROR(VLOOKUP(ROWS($D$2:D141),$A$2:$B$250,2,0),"")</f>
        <v/>
      </c>
    </row>
    <row r="142" spans="1:4">
      <c r="A142">
        <f>IF(ISNUMBER(FIND(#REF!,B142:B390)),MAX(A$1:$A141)+1,0)</f>
        <v>0</v>
      </c>
      <c r="B142" t="s">
        <v>143</v>
      </c>
      <c r="D142" t="str">
        <f>IFERROR(VLOOKUP(ROWS($D$2:D142),$A$2:$B$250,2,0),"")</f>
        <v/>
      </c>
    </row>
    <row r="143" spans="1:4">
      <c r="A143">
        <f>IF(ISNUMBER(FIND(#REF!,B143:B391)),MAX(A$1:$A142)+1,0)</f>
        <v>0</v>
      </c>
      <c r="B143" t="s">
        <v>144</v>
      </c>
      <c r="D143" t="str">
        <f>IFERROR(VLOOKUP(ROWS($D$2:D143),$A$2:$B$250,2,0),"")</f>
        <v/>
      </c>
    </row>
    <row r="144" spans="1:4">
      <c r="A144">
        <f>IF(ISNUMBER(FIND(#REF!,B144:B392)),MAX(A$1:$A143)+1,0)</f>
        <v>0</v>
      </c>
      <c r="B144" t="s">
        <v>145</v>
      </c>
      <c r="D144" t="str">
        <f>IFERROR(VLOOKUP(ROWS($D$2:D144),$A$2:$B$250,2,0),"")</f>
        <v/>
      </c>
    </row>
    <row r="145" spans="1:4">
      <c r="A145">
        <f>IF(ISNUMBER(FIND(#REF!,B145:B393)),MAX(A$1:$A144)+1,0)</f>
        <v>0</v>
      </c>
      <c r="B145" t="s">
        <v>146</v>
      </c>
      <c r="D145" t="str">
        <f>IFERROR(VLOOKUP(ROWS($D$2:D145),$A$2:$B$250,2,0),"")</f>
        <v/>
      </c>
    </row>
    <row r="146" spans="1:4">
      <c r="A146">
        <f>IF(ISNUMBER(FIND(#REF!,B146:B394)),MAX(A$1:$A145)+1,0)</f>
        <v>0</v>
      </c>
      <c r="B146" t="s">
        <v>147</v>
      </c>
      <c r="D146" t="str">
        <f>IFERROR(VLOOKUP(ROWS($D$2:D146),$A$2:$B$250,2,0),"")</f>
        <v/>
      </c>
    </row>
    <row r="147" spans="1:4">
      <c r="A147">
        <f>IF(ISNUMBER(FIND(#REF!,B147:B395)),MAX(A$1:$A146)+1,0)</f>
        <v>0</v>
      </c>
      <c r="B147" t="s">
        <v>148</v>
      </c>
      <c r="D147" t="str">
        <f>IFERROR(VLOOKUP(ROWS($D$2:D147),$A$2:$B$250,2,0),"")</f>
        <v/>
      </c>
    </row>
    <row r="148" spans="1:4">
      <c r="A148">
        <f>IF(ISNUMBER(FIND(#REF!,B148:B396)),MAX(A$1:$A147)+1,0)</f>
        <v>0</v>
      </c>
      <c r="B148" t="s">
        <v>149</v>
      </c>
      <c r="D148" t="str">
        <f>IFERROR(VLOOKUP(ROWS($D$2:D148),$A$2:$B$250,2,0),"")</f>
        <v/>
      </c>
    </row>
    <row r="149" spans="1:4">
      <c r="A149">
        <f>IF(ISNUMBER(FIND(#REF!,B149:B397)),MAX(A$1:$A148)+1,0)</f>
        <v>0</v>
      </c>
      <c r="B149" t="s">
        <v>150</v>
      </c>
      <c r="D149" t="str">
        <f>IFERROR(VLOOKUP(ROWS($D$2:D149),$A$2:$B$250,2,0),"")</f>
        <v/>
      </c>
    </row>
    <row r="150" spans="1:4">
      <c r="A150">
        <f>IF(ISNUMBER(FIND(#REF!,B150:B398)),MAX(A$1:$A149)+1,0)</f>
        <v>0</v>
      </c>
      <c r="B150" t="s">
        <v>151</v>
      </c>
      <c r="D150" t="str">
        <f>IFERROR(VLOOKUP(ROWS($D$2:D150),$A$2:$B$250,2,0),"")</f>
        <v/>
      </c>
    </row>
    <row r="151" spans="1:4">
      <c r="A151">
        <f>IF(ISNUMBER(FIND(#REF!,B151:B399)),MAX(A$1:$A150)+1,0)</f>
        <v>0</v>
      </c>
      <c r="B151" t="s">
        <v>152</v>
      </c>
      <c r="D151" t="str">
        <f>IFERROR(VLOOKUP(ROWS($D$2:D151),$A$2:$B$250,2,0),"")</f>
        <v/>
      </c>
    </row>
    <row r="152" spans="1:4">
      <c r="A152">
        <f>IF(ISNUMBER(FIND(#REF!,B152:B400)),MAX(A$1:$A151)+1,0)</f>
        <v>0</v>
      </c>
      <c r="B152" t="s">
        <v>153</v>
      </c>
      <c r="D152" t="str">
        <f>IFERROR(VLOOKUP(ROWS($D$2:D152),$A$2:$B$250,2,0),"")</f>
        <v/>
      </c>
    </row>
    <row r="153" spans="1:4">
      <c r="A153">
        <f>IF(ISNUMBER(FIND(#REF!,B153:B401)),MAX(A$1:$A152)+1,0)</f>
        <v>0</v>
      </c>
      <c r="B153" t="s">
        <v>154</v>
      </c>
      <c r="D153" t="str">
        <f>IFERROR(VLOOKUP(ROWS($D$2:D153),$A$2:$B$250,2,0),"")</f>
        <v/>
      </c>
    </row>
    <row r="154" spans="1:4">
      <c r="A154">
        <f>IF(ISNUMBER(FIND(#REF!,B154:B402)),MAX(A$1:$A153)+1,0)</f>
        <v>0</v>
      </c>
      <c r="B154" t="s">
        <v>155</v>
      </c>
      <c r="D154" t="str">
        <f>IFERROR(VLOOKUP(ROWS($D$2:D154),$A$2:$B$250,2,0),"")</f>
        <v/>
      </c>
    </row>
    <row r="155" spans="1:4">
      <c r="A155">
        <f>IF(ISNUMBER(FIND(#REF!,B155:B403)),MAX(A$1:$A154)+1,0)</f>
        <v>0</v>
      </c>
      <c r="B155" t="s">
        <v>156</v>
      </c>
      <c r="D155" t="str">
        <f>IFERROR(VLOOKUP(ROWS($D$2:D155),$A$2:$B$250,2,0),"")</f>
        <v/>
      </c>
    </row>
    <row r="156" spans="1:4">
      <c r="A156">
        <f>IF(ISNUMBER(FIND(#REF!,B156:B404)),MAX(A$1:$A155)+1,0)</f>
        <v>0</v>
      </c>
      <c r="B156" t="s">
        <v>157</v>
      </c>
      <c r="D156" t="str">
        <f>IFERROR(VLOOKUP(ROWS($D$2:D156),$A$2:$B$250,2,0),"")</f>
        <v/>
      </c>
    </row>
    <row r="157" spans="1:4">
      <c r="A157">
        <f>IF(ISNUMBER(FIND(#REF!,B157:B405)),MAX(A$1:$A156)+1,0)</f>
        <v>0</v>
      </c>
      <c r="B157" t="s">
        <v>158</v>
      </c>
      <c r="D157" t="str">
        <f>IFERROR(VLOOKUP(ROWS($D$2:D157),$A$2:$B$250,2,0),"")</f>
        <v/>
      </c>
    </row>
    <row r="158" spans="1:4">
      <c r="A158">
        <f>IF(ISNUMBER(FIND(#REF!,B158:B406)),MAX(A$1:$A157)+1,0)</f>
        <v>0</v>
      </c>
      <c r="B158" t="s">
        <v>159</v>
      </c>
      <c r="D158" t="str">
        <f>IFERROR(VLOOKUP(ROWS($D$2:D158),$A$2:$B$250,2,0),"")</f>
        <v/>
      </c>
    </row>
    <row r="159" spans="1:4">
      <c r="A159">
        <f>IF(ISNUMBER(FIND(#REF!,B159:B407)),MAX(A$1:$A158)+1,0)</f>
        <v>0</v>
      </c>
      <c r="B159" t="s">
        <v>160</v>
      </c>
      <c r="D159" t="str">
        <f>IFERROR(VLOOKUP(ROWS($D$2:D159),$A$2:$B$250,2,0),"")</f>
        <v/>
      </c>
    </row>
    <row r="160" spans="1:4">
      <c r="A160">
        <f>IF(ISNUMBER(FIND(#REF!,B160:B408)),MAX(A$1:$A159)+1,0)</f>
        <v>0</v>
      </c>
      <c r="B160" t="s">
        <v>161</v>
      </c>
      <c r="D160" t="str">
        <f>IFERROR(VLOOKUP(ROWS($D$2:D160),$A$2:$B$250,2,0),"")</f>
        <v/>
      </c>
    </row>
    <row r="161" spans="1:4">
      <c r="A161">
        <f>IF(ISNUMBER(FIND(#REF!,B161:B409)),MAX(A$1:$A160)+1,0)</f>
        <v>0</v>
      </c>
      <c r="B161" t="s">
        <v>162</v>
      </c>
      <c r="D161" t="str">
        <f>IFERROR(VLOOKUP(ROWS($D$2:D161),$A$2:$B$250,2,0),"")</f>
        <v/>
      </c>
    </row>
    <row r="162" spans="1:4">
      <c r="A162">
        <f>IF(ISNUMBER(FIND(#REF!,B162:B410)),MAX(A$1:$A161)+1,0)</f>
        <v>0</v>
      </c>
      <c r="B162" t="s">
        <v>163</v>
      </c>
      <c r="D162" t="str">
        <f>IFERROR(VLOOKUP(ROWS($D$2:D162),$A$2:$B$250,2,0),"")</f>
        <v/>
      </c>
    </row>
    <row r="163" spans="1:4">
      <c r="A163">
        <f>IF(ISNUMBER(FIND(#REF!,B163:B411)),MAX(A$1:$A162)+1,0)</f>
        <v>0</v>
      </c>
      <c r="B163" t="s">
        <v>164</v>
      </c>
      <c r="D163" t="str">
        <f>IFERROR(VLOOKUP(ROWS($D$2:D163),$A$2:$B$250,2,0),"")</f>
        <v/>
      </c>
    </row>
    <row r="164" spans="1:4">
      <c r="A164">
        <f>IF(ISNUMBER(FIND(#REF!,B164:B412)),MAX(A$1:$A163)+1,0)</f>
        <v>0</v>
      </c>
      <c r="B164" t="s">
        <v>165</v>
      </c>
      <c r="D164" t="str">
        <f>IFERROR(VLOOKUP(ROWS($D$2:D164),$A$2:$B$250,2,0),"")</f>
        <v/>
      </c>
    </row>
    <row r="165" spans="1:4">
      <c r="A165">
        <f>IF(ISNUMBER(FIND(#REF!,B165:B413)),MAX(A$1:$A164)+1,0)</f>
        <v>0</v>
      </c>
      <c r="B165" t="s">
        <v>166</v>
      </c>
      <c r="D165" t="str">
        <f>IFERROR(VLOOKUP(ROWS($D$2:D165),$A$2:$B$250,2,0),"")</f>
        <v/>
      </c>
    </row>
    <row r="166" spans="1:4">
      <c r="A166">
        <f>IF(ISNUMBER(FIND(#REF!,B166:B414)),MAX(A$1:$A165)+1,0)</f>
        <v>0</v>
      </c>
      <c r="B166" t="s">
        <v>167</v>
      </c>
      <c r="D166" t="str">
        <f>IFERROR(VLOOKUP(ROWS($D$2:D166),$A$2:$B$250,2,0),"")</f>
        <v/>
      </c>
    </row>
    <row r="167" spans="1:4">
      <c r="A167">
        <f>IF(ISNUMBER(FIND(#REF!,B167:B415)),MAX(A$1:$A166)+1,0)</f>
        <v>0</v>
      </c>
      <c r="B167" t="s">
        <v>168</v>
      </c>
      <c r="D167" t="str">
        <f>IFERROR(VLOOKUP(ROWS($D$2:D167),$A$2:$B$250,2,0),"")</f>
        <v/>
      </c>
    </row>
    <row r="168" spans="1:4">
      <c r="A168">
        <f>IF(ISNUMBER(FIND(#REF!,B168:B416)),MAX(A$1:$A167)+1,0)</f>
        <v>0</v>
      </c>
      <c r="B168" t="s">
        <v>169</v>
      </c>
      <c r="D168" t="str">
        <f>IFERROR(VLOOKUP(ROWS($D$2:D168),$A$2:$B$250,2,0),"")</f>
        <v/>
      </c>
    </row>
    <row r="169" spans="1:4">
      <c r="A169">
        <f>IF(ISNUMBER(FIND(#REF!,B169:B417)),MAX(A$1:$A168)+1,0)</f>
        <v>0</v>
      </c>
      <c r="B169" t="s">
        <v>170</v>
      </c>
      <c r="D169" t="str">
        <f>IFERROR(VLOOKUP(ROWS($D$2:D169),$A$2:$B$250,2,0),"")</f>
        <v/>
      </c>
    </row>
    <row r="170" spans="1:4">
      <c r="A170">
        <f>IF(ISNUMBER(FIND(#REF!,B170:B418)),MAX(A$1:$A169)+1,0)</f>
        <v>0</v>
      </c>
      <c r="B170" t="s">
        <v>171</v>
      </c>
      <c r="D170" t="str">
        <f>IFERROR(VLOOKUP(ROWS($D$2:D170),$A$2:$B$250,2,0),"")</f>
        <v/>
      </c>
    </row>
    <row r="171" spans="1:4">
      <c r="A171">
        <f>IF(ISNUMBER(FIND(#REF!,B171:B419)),MAX(A$1:$A170)+1,0)</f>
        <v>0</v>
      </c>
      <c r="B171" t="s">
        <v>172</v>
      </c>
      <c r="D171" t="str">
        <f>IFERROR(VLOOKUP(ROWS($D$2:D171),$A$2:$B$250,2,0),"")</f>
        <v/>
      </c>
    </row>
    <row r="172" spans="1:4">
      <c r="A172">
        <f>IF(ISNUMBER(FIND(#REF!,B172:B420)),MAX(A$1:$A171)+1,0)</f>
        <v>0</v>
      </c>
      <c r="B172" t="s">
        <v>173</v>
      </c>
      <c r="D172" t="str">
        <f>IFERROR(VLOOKUP(ROWS($D$2:D172),$A$2:$B$250,2,0),"")</f>
        <v/>
      </c>
    </row>
    <row r="173" spans="1:4">
      <c r="A173">
        <f>IF(ISNUMBER(FIND(#REF!,B173:B421)),MAX(A$1:$A172)+1,0)</f>
        <v>0</v>
      </c>
      <c r="B173" t="s">
        <v>174</v>
      </c>
      <c r="D173" t="str">
        <f>IFERROR(VLOOKUP(ROWS($D$2:D173),$A$2:$B$250,2,0),"")</f>
        <v/>
      </c>
    </row>
    <row r="174" spans="1:4">
      <c r="A174">
        <f>IF(ISNUMBER(FIND(#REF!,B174:B422)),MAX(A$1:$A173)+1,0)</f>
        <v>0</v>
      </c>
      <c r="B174" t="s">
        <v>175</v>
      </c>
      <c r="D174" t="str">
        <f>IFERROR(VLOOKUP(ROWS($D$2:D174),$A$2:$B$250,2,0),"")</f>
        <v/>
      </c>
    </row>
    <row r="175" spans="1:4">
      <c r="A175">
        <f>IF(ISNUMBER(FIND(#REF!,B175:B423)),MAX(A$1:$A174)+1,0)</f>
        <v>0</v>
      </c>
      <c r="B175" t="s">
        <v>176</v>
      </c>
      <c r="D175" t="str">
        <f>IFERROR(VLOOKUP(ROWS($D$2:D175),$A$2:$B$250,2,0),"")</f>
        <v/>
      </c>
    </row>
    <row r="176" spans="1:4">
      <c r="A176">
        <f>IF(ISNUMBER(FIND(#REF!,B176:B424)),MAX(A$1:$A175)+1,0)</f>
        <v>0</v>
      </c>
      <c r="B176" t="s">
        <v>177</v>
      </c>
      <c r="D176" t="str">
        <f>IFERROR(VLOOKUP(ROWS($D$2:D176),$A$2:$B$250,2,0),"")</f>
        <v/>
      </c>
    </row>
    <row r="177" spans="1:4">
      <c r="A177">
        <f>IF(ISNUMBER(FIND(#REF!,B177:B425)),MAX(A$1:$A176)+1,0)</f>
        <v>0</v>
      </c>
      <c r="B177" t="s">
        <v>178</v>
      </c>
      <c r="D177" t="str">
        <f>IFERROR(VLOOKUP(ROWS($D$2:D177),$A$2:$B$250,2,0),"")</f>
        <v/>
      </c>
    </row>
    <row r="178" spans="1:4">
      <c r="A178">
        <f>IF(ISNUMBER(FIND(#REF!,B178:B426)),MAX(A$1:$A177)+1,0)</f>
        <v>0</v>
      </c>
      <c r="B178" t="s">
        <v>179</v>
      </c>
      <c r="D178" t="str">
        <f>IFERROR(VLOOKUP(ROWS($D$2:D178),$A$2:$B$250,2,0),"")</f>
        <v/>
      </c>
    </row>
    <row r="179" spans="1:4">
      <c r="A179">
        <f>IF(ISNUMBER(FIND(#REF!,B179:B427)),MAX(A$1:$A178)+1,0)</f>
        <v>0</v>
      </c>
      <c r="B179" t="s">
        <v>180</v>
      </c>
      <c r="D179" t="str">
        <f>IFERROR(VLOOKUP(ROWS($D$2:D179),$A$2:$B$250,2,0),"")</f>
        <v/>
      </c>
    </row>
    <row r="180" spans="1:4">
      <c r="A180">
        <f>IF(ISNUMBER(FIND(#REF!,B180:B428)),MAX(A$1:$A179)+1,0)</f>
        <v>0</v>
      </c>
      <c r="B180" t="s">
        <v>181</v>
      </c>
      <c r="D180" t="str">
        <f>IFERROR(VLOOKUP(ROWS($D$2:D180),$A$2:$B$250,2,0),"")</f>
        <v/>
      </c>
    </row>
    <row r="181" spans="1:4">
      <c r="A181">
        <f>IF(ISNUMBER(FIND(#REF!,B181:B429)),MAX(A$1:$A180)+1,0)</f>
        <v>0</v>
      </c>
      <c r="B181" t="s">
        <v>182</v>
      </c>
      <c r="D181" t="str">
        <f>IFERROR(VLOOKUP(ROWS($D$2:D181),$A$2:$B$250,2,0),"")</f>
        <v/>
      </c>
    </row>
    <row r="182" spans="1:4">
      <c r="A182">
        <f>IF(ISNUMBER(FIND(#REF!,B182:B430)),MAX(A$1:$A181)+1,0)</f>
        <v>0</v>
      </c>
      <c r="B182" t="s">
        <v>183</v>
      </c>
      <c r="D182" t="str">
        <f>IFERROR(VLOOKUP(ROWS($D$2:D182),$A$2:$B$250,2,0),"")</f>
        <v/>
      </c>
    </row>
    <row r="183" spans="1:4">
      <c r="A183">
        <f>IF(ISNUMBER(FIND(#REF!,B183:B431)),MAX(A$1:$A182)+1,0)</f>
        <v>0</v>
      </c>
      <c r="B183" t="s">
        <v>184</v>
      </c>
      <c r="D183" t="str">
        <f>IFERROR(VLOOKUP(ROWS($D$2:D183),$A$2:$B$250,2,0),"")</f>
        <v/>
      </c>
    </row>
    <row r="184" spans="1:4">
      <c r="A184">
        <f>IF(ISNUMBER(FIND(#REF!,B184:B432)),MAX(A$1:$A183)+1,0)</f>
        <v>0</v>
      </c>
      <c r="B184" t="s">
        <v>185</v>
      </c>
      <c r="D184" t="str">
        <f>IFERROR(VLOOKUP(ROWS($D$2:D184),$A$2:$B$250,2,0),"")</f>
        <v/>
      </c>
    </row>
    <row r="185" spans="1:4">
      <c r="A185">
        <f>IF(ISNUMBER(FIND(#REF!,B185:B433)),MAX(A$1:$A184)+1,0)</f>
        <v>0</v>
      </c>
      <c r="B185" t="s">
        <v>186</v>
      </c>
      <c r="D185" t="str">
        <f>IFERROR(VLOOKUP(ROWS($D$2:D185),$A$2:$B$250,2,0),"")</f>
        <v/>
      </c>
    </row>
    <row r="186" spans="1:4">
      <c r="A186">
        <f>IF(ISNUMBER(FIND(#REF!,B186:B434)),MAX(A$1:$A185)+1,0)</f>
        <v>0</v>
      </c>
      <c r="B186" t="s">
        <v>187</v>
      </c>
      <c r="D186" t="str">
        <f>IFERROR(VLOOKUP(ROWS($D$2:D186),$A$2:$B$250,2,0),"")</f>
        <v/>
      </c>
    </row>
    <row r="187" spans="1:4">
      <c r="A187">
        <f>IF(ISNUMBER(FIND(#REF!,B187:B435)),MAX(A$1:$A186)+1,0)</f>
        <v>0</v>
      </c>
      <c r="B187" t="s">
        <v>188</v>
      </c>
      <c r="D187" t="str">
        <f>IFERROR(VLOOKUP(ROWS($D$2:D187),$A$2:$B$250,2,0),"")</f>
        <v/>
      </c>
    </row>
    <row r="188" spans="1:4">
      <c r="A188">
        <f>IF(ISNUMBER(FIND(#REF!,B188:B436)),MAX(A$1:$A187)+1,0)</f>
        <v>0</v>
      </c>
      <c r="B188" t="s">
        <v>189</v>
      </c>
      <c r="D188" t="str">
        <f>IFERROR(VLOOKUP(ROWS($D$2:D188),$A$2:$B$250,2,0),"")</f>
        <v/>
      </c>
    </row>
    <row r="189" spans="1:4">
      <c r="A189">
        <f>IF(ISNUMBER(FIND(#REF!,B189:B437)),MAX(A$1:$A188)+1,0)</f>
        <v>0</v>
      </c>
      <c r="B189" t="s">
        <v>190</v>
      </c>
      <c r="D189" t="str">
        <f>IFERROR(VLOOKUP(ROWS($D$2:D189),$A$2:$B$250,2,0),"")</f>
        <v/>
      </c>
    </row>
    <row r="190" spans="1:4">
      <c r="A190">
        <f>IF(ISNUMBER(FIND(#REF!,B190:B438)),MAX(A$1:$A189)+1,0)</f>
        <v>0</v>
      </c>
      <c r="B190" t="s">
        <v>191</v>
      </c>
      <c r="D190" t="str">
        <f>IFERROR(VLOOKUP(ROWS($D$2:D190),$A$2:$B$250,2,0),"")</f>
        <v/>
      </c>
    </row>
    <row r="191" spans="1:4">
      <c r="A191">
        <f>IF(ISNUMBER(FIND(#REF!,B191:B439)),MAX(A$1:$A190)+1,0)</f>
        <v>0</v>
      </c>
      <c r="B191" t="s">
        <v>192</v>
      </c>
      <c r="D191" t="str">
        <f>IFERROR(VLOOKUP(ROWS($D$2:D191),$A$2:$B$250,2,0),"")</f>
        <v/>
      </c>
    </row>
    <row r="192" spans="1:4">
      <c r="A192">
        <f>IF(ISNUMBER(FIND(#REF!,B192:B440)),MAX(A$1:$A191)+1,0)</f>
        <v>0</v>
      </c>
      <c r="B192" t="s">
        <v>193</v>
      </c>
      <c r="D192" t="str">
        <f>IFERROR(VLOOKUP(ROWS($D$2:D192),$A$2:$B$250,2,0),"")</f>
        <v/>
      </c>
    </row>
    <row r="193" spans="1:4">
      <c r="A193">
        <f>IF(ISNUMBER(FIND(#REF!,B193:B441)),MAX(A$1:$A192)+1,0)</f>
        <v>0</v>
      </c>
      <c r="B193" t="s">
        <v>194</v>
      </c>
      <c r="D193" t="str">
        <f>IFERROR(VLOOKUP(ROWS($D$2:D193),$A$2:$B$250,2,0),"")</f>
        <v/>
      </c>
    </row>
    <row r="194" spans="1:4">
      <c r="A194">
        <f>IF(ISNUMBER(FIND(#REF!,B194:B442)),MAX(A$1:$A193)+1,0)</f>
        <v>0</v>
      </c>
      <c r="B194" t="s">
        <v>195</v>
      </c>
      <c r="D194" t="str">
        <f>IFERROR(VLOOKUP(ROWS($D$2:D194),$A$2:$B$250,2,0),"")</f>
        <v/>
      </c>
    </row>
    <row r="195" spans="1:4">
      <c r="A195">
        <f>IF(ISNUMBER(FIND(#REF!,B195:B443)),MAX(A$1:$A194)+1,0)</f>
        <v>0</v>
      </c>
      <c r="B195" t="s">
        <v>196</v>
      </c>
      <c r="D195" t="str">
        <f>IFERROR(VLOOKUP(ROWS($D$2:D195),$A$2:$B$250,2,0),"")</f>
        <v/>
      </c>
    </row>
    <row r="196" spans="1:4">
      <c r="A196">
        <f>IF(ISNUMBER(FIND(#REF!,B196:B444)),MAX(A$1:$A195)+1,0)</f>
        <v>0</v>
      </c>
      <c r="B196" t="s">
        <v>197</v>
      </c>
      <c r="D196" t="str">
        <f>IFERROR(VLOOKUP(ROWS($D$2:D196),$A$2:$B$250,2,0),"")</f>
        <v/>
      </c>
    </row>
    <row r="197" spans="1:4">
      <c r="A197">
        <f>IF(ISNUMBER(FIND(#REF!,B197:B445)),MAX(A$1:$A196)+1,0)</f>
        <v>0</v>
      </c>
      <c r="B197" t="s">
        <v>198</v>
      </c>
      <c r="D197" t="str">
        <f>IFERROR(VLOOKUP(ROWS($D$2:D197),$A$2:$B$250,2,0),"")</f>
        <v/>
      </c>
    </row>
    <row r="198" spans="1:4">
      <c r="A198">
        <f>IF(ISNUMBER(FIND(#REF!,B198:B446)),MAX(A$1:$A197)+1,0)</f>
        <v>0</v>
      </c>
      <c r="B198" t="s">
        <v>199</v>
      </c>
      <c r="D198" t="str">
        <f>IFERROR(VLOOKUP(ROWS($D$2:D198),$A$2:$B$250,2,0),"")</f>
        <v/>
      </c>
    </row>
    <row r="199" spans="1:4">
      <c r="A199">
        <f>IF(ISNUMBER(FIND(#REF!,B199:B447)),MAX(A$1:$A198)+1,0)</f>
        <v>0</v>
      </c>
      <c r="B199" t="s">
        <v>200</v>
      </c>
      <c r="D199" t="str">
        <f>IFERROR(VLOOKUP(ROWS($D$2:D199),$A$2:$B$250,2,0),"")</f>
        <v/>
      </c>
    </row>
    <row r="200" spans="1:4">
      <c r="A200">
        <f>IF(ISNUMBER(FIND(#REF!,B200:B448)),MAX(A$1:$A199)+1,0)</f>
        <v>0</v>
      </c>
      <c r="B200" t="s">
        <v>201</v>
      </c>
      <c r="D200" t="str">
        <f>IFERROR(VLOOKUP(ROWS($D$2:D200),$A$2:$B$250,2,0),"")</f>
        <v/>
      </c>
    </row>
    <row r="201" spans="1:4">
      <c r="A201">
        <f>IF(ISNUMBER(FIND(#REF!,B201:B449)),MAX(A$1:$A200)+1,0)</f>
        <v>0</v>
      </c>
      <c r="B201" t="s">
        <v>202</v>
      </c>
      <c r="D201" t="str">
        <f>IFERROR(VLOOKUP(ROWS($D$2:D201),$A$2:$B$250,2,0),"")</f>
        <v/>
      </c>
    </row>
    <row r="202" spans="1:4">
      <c r="A202">
        <f>IF(ISNUMBER(FIND(#REF!,B202:B450)),MAX(A$1:$A201)+1,0)</f>
        <v>0</v>
      </c>
      <c r="B202" t="s">
        <v>203</v>
      </c>
      <c r="D202" t="str">
        <f>IFERROR(VLOOKUP(ROWS($D$2:D202),$A$2:$B$250,2,0),"")</f>
        <v/>
      </c>
    </row>
    <row r="203" spans="1:4">
      <c r="A203">
        <f>IF(ISNUMBER(FIND(#REF!,B203:B451)),MAX(A$1:$A202)+1,0)</f>
        <v>0</v>
      </c>
      <c r="B203" t="s">
        <v>204</v>
      </c>
      <c r="D203" t="str">
        <f>IFERROR(VLOOKUP(ROWS($D$2:D203),$A$2:$B$250,2,0),"")</f>
        <v/>
      </c>
    </row>
    <row r="204" spans="1:4">
      <c r="A204">
        <f>IF(ISNUMBER(FIND(#REF!,B204:B452)),MAX(A$1:$A203)+1,0)</f>
        <v>0</v>
      </c>
      <c r="B204" t="s">
        <v>205</v>
      </c>
      <c r="D204" t="str">
        <f>IFERROR(VLOOKUP(ROWS($D$2:D204),$A$2:$B$250,2,0),"")</f>
        <v/>
      </c>
    </row>
    <row r="205" spans="1:4">
      <c r="A205">
        <f>IF(ISNUMBER(FIND(#REF!,B205:B453)),MAX(A$1:$A204)+1,0)</f>
        <v>0</v>
      </c>
      <c r="B205" t="s">
        <v>206</v>
      </c>
      <c r="D205" t="str">
        <f>IFERROR(VLOOKUP(ROWS($D$2:D205),$A$2:$B$250,2,0),"")</f>
        <v/>
      </c>
    </row>
    <row r="206" spans="1:4">
      <c r="A206">
        <f>IF(ISNUMBER(FIND(#REF!,B206:B454)),MAX(A$1:$A205)+1,0)</f>
        <v>0</v>
      </c>
      <c r="B206" t="s">
        <v>207</v>
      </c>
      <c r="D206" t="str">
        <f>IFERROR(VLOOKUP(ROWS($D$2:D206),$A$2:$B$250,2,0),"")</f>
        <v/>
      </c>
    </row>
    <row r="207" spans="1:4">
      <c r="A207">
        <f>IF(ISNUMBER(FIND(#REF!,B207:B455)),MAX(A$1:$A206)+1,0)</f>
        <v>0</v>
      </c>
      <c r="B207" t="s">
        <v>208</v>
      </c>
      <c r="D207" t="str">
        <f>IFERROR(VLOOKUP(ROWS($D$2:D207),$A$2:$B$250,2,0),"")</f>
        <v/>
      </c>
    </row>
    <row r="208" spans="1:4">
      <c r="A208">
        <f>IF(ISNUMBER(FIND(#REF!,B208:B456)),MAX(A$1:$A207)+1,0)</f>
        <v>0</v>
      </c>
      <c r="B208" t="s">
        <v>209</v>
      </c>
      <c r="D208" t="str">
        <f>IFERROR(VLOOKUP(ROWS($D$2:D208),$A$2:$B$250,2,0),"")</f>
        <v/>
      </c>
    </row>
    <row r="209" spans="1:4">
      <c r="A209">
        <f>IF(ISNUMBER(FIND(#REF!,B209:B457)),MAX(A$1:$A208)+1,0)</f>
        <v>0</v>
      </c>
      <c r="B209" t="s">
        <v>210</v>
      </c>
      <c r="D209" t="str">
        <f>IFERROR(VLOOKUP(ROWS($D$2:D209),$A$2:$B$250,2,0),"")</f>
        <v/>
      </c>
    </row>
    <row r="210" spans="1:4">
      <c r="A210">
        <f>IF(ISNUMBER(FIND(#REF!,B210:B458)),MAX(A$1:$A209)+1,0)</f>
        <v>0</v>
      </c>
      <c r="B210" t="s">
        <v>211</v>
      </c>
      <c r="D210" t="str">
        <f>IFERROR(VLOOKUP(ROWS($D$2:D210),$A$2:$B$250,2,0),"")</f>
        <v/>
      </c>
    </row>
    <row r="211" spans="1:4">
      <c r="A211">
        <f>IF(ISNUMBER(FIND(#REF!,B211:B459)),MAX(A$1:$A210)+1,0)</f>
        <v>0</v>
      </c>
      <c r="B211" t="s">
        <v>212</v>
      </c>
      <c r="D211" t="str">
        <f>IFERROR(VLOOKUP(ROWS($D$2:D211),$A$2:$B$250,2,0),"")</f>
        <v/>
      </c>
    </row>
    <row r="212" spans="1:4">
      <c r="A212">
        <f>IF(ISNUMBER(FIND(#REF!,B212:B460)),MAX(A$1:$A211)+1,0)</f>
        <v>0</v>
      </c>
      <c r="B212" t="s">
        <v>213</v>
      </c>
      <c r="D212" t="str">
        <f>IFERROR(VLOOKUP(ROWS($D$2:D212),$A$2:$B$250,2,0),"")</f>
        <v/>
      </c>
    </row>
    <row r="213" spans="1:4">
      <c r="A213">
        <f>IF(ISNUMBER(FIND(#REF!,B213:B461)),MAX(A$1:$A212)+1,0)</f>
        <v>0</v>
      </c>
      <c r="B213" t="s">
        <v>214</v>
      </c>
      <c r="D213" t="str">
        <f>IFERROR(VLOOKUP(ROWS($D$2:D213),$A$2:$B$250,2,0),"")</f>
        <v/>
      </c>
    </row>
    <row r="214" spans="1:4">
      <c r="A214">
        <f>IF(ISNUMBER(FIND(#REF!,B214:B462)),MAX(A$1:$A213)+1,0)</f>
        <v>0</v>
      </c>
      <c r="B214" t="s">
        <v>215</v>
      </c>
      <c r="D214" t="str">
        <f>IFERROR(VLOOKUP(ROWS($D$2:D214),$A$2:$B$250,2,0),"")</f>
        <v/>
      </c>
    </row>
    <row r="215" spans="1:4">
      <c r="A215">
        <f>IF(ISNUMBER(FIND(#REF!,B215:B463)),MAX(A$1:$A214)+1,0)</f>
        <v>0</v>
      </c>
      <c r="B215" t="s">
        <v>216</v>
      </c>
      <c r="D215" t="str">
        <f>IFERROR(VLOOKUP(ROWS($D$2:D215),$A$2:$B$250,2,0),"")</f>
        <v/>
      </c>
    </row>
    <row r="216" spans="1:4">
      <c r="A216">
        <f>IF(ISNUMBER(FIND(#REF!,B216:B464)),MAX(A$1:$A215)+1,0)</f>
        <v>0</v>
      </c>
      <c r="B216" t="s">
        <v>217</v>
      </c>
      <c r="D216" t="str">
        <f>IFERROR(VLOOKUP(ROWS($D$2:D216),$A$2:$B$250,2,0),"")</f>
        <v/>
      </c>
    </row>
    <row r="217" spans="1:4">
      <c r="A217">
        <f>IF(ISNUMBER(FIND(#REF!,B217:B465)),MAX(A$1:$A216)+1,0)</f>
        <v>0</v>
      </c>
      <c r="B217" t="s">
        <v>218</v>
      </c>
      <c r="D217" t="str">
        <f>IFERROR(VLOOKUP(ROWS($D$2:D217),$A$2:$B$250,2,0),"")</f>
        <v/>
      </c>
    </row>
    <row r="218" spans="1:4">
      <c r="A218">
        <f>IF(ISNUMBER(FIND(#REF!,B218:B466)),MAX(A$1:$A217)+1,0)</f>
        <v>0</v>
      </c>
      <c r="B218" t="s">
        <v>219</v>
      </c>
      <c r="D218" t="str">
        <f>IFERROR(VLOOKUP(ROWS($D$2:D218),$A$2:$B$250,2,0),"")</f>
        <v/>
      </c>
    </row>
    <row r="219" spans="1:4">
      <c r="A219">
        <f>IF(ISNUMBER(FIND(#REF!,B219:B467)),MAX(A$1:$A218)+1,0)</f>
        <v>0</v>
      </c>
      <c r="B219" t="s">
        <v>220</v>
      </c>
      <c r="D219" t="str">
        <f>IFERROR(VLOOKUP(ROWS($D$2:D219),$A$2:$B$250,2,0),"")</f>
        <v/>
      </c>
    </row>
    <row r="220" spans="1:4">
      <c r="A220">
        <f>IF(ISNUMBER(FIND(#REF!,B220:B468)),MAX(A$1:$A219)+1,0)</f>
        <v>0</v>
      </c>
      <c r="B220" t="s">
        <v>221</v>
      </c>
      <c r="D220" t="str">
        <f>IFERROR(VLOOKUP(ROWS($D$2:D220),$A$2:$B$250,2,0),"")</f>
        <v/>
      </c>
    </row>
    <row r="221" spans="1:4">
      <c r="A221">
        <f>IF(ISNUMBER(FIND(#REF!,B221:B469)),MAX(A$1:$A220)+1,0)</f>
        <v>0</v>
      </c>
      <c r="B221" t="s">
        <v>222</v>
      </c>
      <c r="D221" t="str">
        <f>IFERROR(VLOOKUP(ROWS($D$2:D221),$A$2:$B$250,2,0),"")</f>
        <v/>
      </c>
    </row>
    <row r="222" spans="1:4">
      <c r="A222">
        <f>IF(ISNUMBER(FIND(#REF!,B222:B470)),MAX(A$1:$A221)+1,0)</f>
        <v>0</v>
      </c>
      <c r="B222" t="s">
        <v>223</v>
      </c>
      <c r="D222" t="str">
        <f>IFERROR(VLOOKUP(ROWS($D$2:D222),$A$2:$B$250,2,0),"")</f>
        <v/>
      </c>
    </row>
    <row r="223" spans="1:4">
      <c r="A223">
        <f>IF(ISNUMBER(FIND(#REF!,B223:B471)),MAX(A$1:$A222)+1,0)</f>
        <v>0</v>
      </c>
      <c r="B223" t="s">
        <v>224</v>
      </c>
      <c r="D223" t="str">
        <f>IFERROR(VLOOKUP(ROWS($D$2:D223),$A$2:$B$250,2,0),"")</f>
        <v/>
      </c>
    </row>
    <row r="224" spans="1:4">
      <c r="A224">
        <f>IF(ISNUMBER(FIND(#REF!,B224:B472)),MAX(A$1:$A223)+1,0)</f>
        <v>0</v>
      </c>
      <c r="B224" t="s">
        <v>225</v>
      </c>
      <c r="D224" t="str">
        <f>IFERROR(VLOOKUP(ROWS($D$2:D224),$A$2:$B$250,2,0),"")</f>
        <v/>
      </c>
    </row>
    <row r="225" spans="1:4">
      <c r="A225">
        <f>IF(ISNUMBER(FIND(#REF!,B225:B473)),MAX(A$1:$A224)+1,0)</f>
        <v>0</v>
      </c>
      <c r="B225" t="s">
        <v>226</v>
      </c>
      <c r="D225" t="str">
        <f>IFERROR(VLOOKUP(ROWS($D$2:D225),$A$2:$B$250,2,0),"")</f>
        <v/>
      </c>
    </row>
    <row r="226" spans="1:4">
      <c r="A226">
        <f>IF(ISNUMBER(FIND(#REF!,B226:B474)),MAX(A$1:$A225)+1,0)</f>
        <v>0</v>
      </c>
      <c r="B226" t="s">
        <v>227</v>
      </c>
      <c r="D226" t="str">
        <f>IFERROR(VLOOKUP(ROWS($D$2:D226),$A$2:$B$250,2,0),"")</f>
        <v/>
      </c>
    </row>
    <row r="227" spans="1:4">
      <c r="A227">
        <f>IF(ISNUMBER(FIND(#REF!,B227:B475)),MAX(A$1:$A226)+1,0)</f>
        <v>0</v>
      </c>
      <c r="B227" t="s">
        <v>228</v>
      </c>
      <c r="D227" t="str">
        <f>IFERROR(VLOOKUP(ROWS($D$2:D227),$A$2:$B$250,2,0),"")</f>
        <v/>
      </c>
    </row>
    <row r="228" spans="1:4">
      <c r="A228">
        <f>IF(ISNUMBER(FIND(#REF!,B228:B476)),MAX(A$1:$A227)+1,0)</f>
        <v>0</v>
      </c>
      <c r="B228" t="s">
        <v>229</v>
      </c>
      <c r="D228" t="str">
        <f>IFERROR(VLOOKUP(ROWS($D$2:D228),$A$2:$B$250,2,0),"")</f>
        <v/>
      </c>
    </row>
    <row r="229" spans="1:4">
      <c r="A229">
        <f>IF(ISNUMBER(FIND(#REF!,B229:B477)),MAX(A$1:$A228)+1,0)</f>
        <v>0</v>
      </c>
      <c r="B229" t="s">
        <v>230</v>
      </c>
      <c r="D229" t="str">
        <f>IFERROR(VLOOKUP(ROWS($D$2:D229),$A$2:$B$250,2,0),"")</f>
        <v/>
      </c>
    </row>
    <row r="230" spans="1:4">
      <c r="A230">
        <f>IF(ISNUMBER(FIND(#REF!,B230:B478)),MAX(A$1:$A229)+1,0)</f>
        <v>0</v>
      </c>
      <c r="B230" t="s">
        <v>231</v>
      </c>
      <c r="D230" t="str">
        <f>IFERROR(VLOOKUP(ROWS($D$2:D230),$A$2:$B$250,2,0),"")</f>
        <v/>
      </c>
    </row>
    <row r="231" spans="1:4">
      <c r="A231">
        <f>IF(ISNUMBER(FIND(#REF!,B231:B479)),MAX(A$1:$A230)+1,0)</f>
        <v>0</v>
      </c>
      <c r="B231" t="s">
        <v>232</v>
      </c>
      <c r="D231" t="str">
        <f>IFERROR(VLOOKUP(ROWS($D$2:D231),$A$2:$B$250,2,0),"")</f>
        <v/>
      </c>
    </row>
    <row r="232" spans="1:4">
      <c r="A232">
        <f>IF(ISNUMBER(FIND(#REF!,B232:B480)),MAX(A$1:$A231)+1,0)</f>
        <v>0</v>
      </c>
      <c r="B232" t="s">
        <v>233</v>
      </c>
      <c r="D232" t="str">
        <f>IFERROR(VLOOKUP(ROWS($D$2:D232),$A$2:$B$250,2,0),"")</f>
        <v/>
      </c>
    </row>
    <row r="233" spans="1:4">
      <c r="A233">
        <f>IF(ISNUMBER(FIND(#REF!,B233:B481)),MAX(A$1:$A232)+1,0)</f>
        <v>0</v>
      </c>
      <c r="B233" t="s">
        <v>234</v>
      </c>
      <c r="D233" t="str">
        <f>IFERROR(VLOOKUP(ROWS($D$2:D233),$A$2:$B$250,2,0),"")</f>
        <v/>
      </c>
    </row>
    <row r="234" spans="1:4">
      <c r="A234">
        <f>IF(ISNUMBER(FIND(#REF!,B234:B482)),MAX(A$1:$A233)+1,0)</f>
        <v>0</v>
      </c>
      <c r="B234" t="s">
        <v>235</v>
      </c>
      <c r="D234" t="str">
        <f>IFERROR(VLOOKUP(ROWS($D$2:D234),$A$2:$B$250,2,0),"")</f>
        <v/>
      </c>
    </row>
    <row r="235" spans="1:4">
      <c r="A235">
        <f>IF(ISNUMBER(FIND(#REF!,B235:B483)),MAX(A$1:$A234)+1,0)</f>
        <v>0</v>
      </c>
      <c r="B235" t="s">
        <v>236</v>
      </c>
      <c r="D235" t="str">
        <f>IFERROR(VLOOKUP(ROWS($D$2:D235),$A$2:$B$250,2,0),"")</f>
        <v/>
      </c>
    </row>
    <row r="236" spans="1:4">
      <c r="A236">
        <f>IF(ISNUMBER(FIND(#REF!,B236:B484)),MAX(A$1:$A235)+1,0)</f>
        <v>0</v>
      </c>
      <c r="B236" t="s">
        <v>237</v>
      </c>
      <c r="D236" t="str">
        <f>IFERROR(VLOOKUP(ROWS($D$2:D236),$A$2:$B$250,2,0),"")</f>
        <v/>
      </c>
    </row>
    <row r="237" spans="1:4">
      <c r="A237">
        <f>IF(ISNUMBER(FIND(#REF!,B237:B485)),MAX(A$1:$A236)+1,0)</f>
        <v>0</v>
      </c>
      <c r="B237" t="s">
        <v>238</v>
      </c>
      <c r="D237" t="str">
        <f>IFERROR(VLOOKUP(ROWS($D$2:D237),$A$2:$B$250,2,0),"")</f>
        <v/>
      </c>
    </row>
    <row r="238" spans="1:4">
      <c r="A238">
        <f>IF(ISNUMBER(FIND(#REF!,B238:B486)),MAX(A$1:$A237)+1,0)</f>
        <v>0</v>
      </c>
      <c r="B238" t="s">
        <v>239</v>
      </c>
      <c r="D238" t="str">
        <f>IFERROR(VLOOKUP(ROWS($D$2:D238),$A$2:$B$250,2,0),"")</f>
        <v/>
      </c>
    </row>
    <row r="239" spans="1:4">
      <c r="A239">
        <f>IF(ISNUMBER(FIND(#REF!,B239:B487)),MAX(A$1:$A238)+1,0)</f>
        <v>0</v>
      </c>
      <c r="B239" t="s">
        <v>240</v>
      </c>
      <c r="D239" t="str">
        <f>IFERROR(VLOOKUP(ROWS($D$2:D239),$A$2:$B$250,2,0),"")</f>
        <v/>
      </c>
    </row>
    <row r="240" spans="1:4">
      <c r="A240">
        <f>IF(ISNUMBER(FIND(#REF!,B240:B488)),MAX(A$1:$A239)+1,0)</f>
        <v>0</v>
      </c>
      <c r="B240" t="s">
        <v>241</v>
      </c>
      <c r="D240" t="str">
        <f>IFERROR(VLOOKUP(ROWS($D$2:D240),$A$2:$B$250,2,0),"")</f>
        <v/>
      </c>
    </row>
    <row r="241" spans="1:4">
      <c r="A241">
        <f>IF(ISNUMBER(FIND(#REF!,B241:B489)),MAX(A$1:$A240)+1,0)</f>
        <v>0</v>
      </c>
      <c r="B241" t="s">
        <v>242</v>
      </c>
      <c r="D241" t="str">
        <f>IFERROR(VLOOKUP(ROWS($D$2:D241),$A$2:$B$250,2,0),"")</f>
        <v/>
      </c>
    </row>
    <row r="242" spans="1:4">
      <c r="A242">
        <f>IF(ISNUMBER(FIND(#REF!,B242:B490)),MAX(A$1:$A241)+1,0)</f>
        <v>0</v>
      </c>
      <c r="B242" t="s">
        <v>243</v>
      </c>
      <c r="D242" t="str">
        <f>IFERROR(VLOOKUP(ROWS($D$2:D242),$A$2:$B$250,2,0),"")</f>
        <v/>
      </c>
    </row>
    <row r="243" spans="1:4">
      <c r="A243">
        <f>IF(ISNUMBER(FIND(#REF!,B243:B491)),MAX(A$1:$A242)+1,0)</f>
        <v>0</v>
      </c>
      <c r="B243" t="s">
        <v>244</v>
      </c>
      <c r="D243" t="str">
        <f>IFERROR(VLOOKUP(ROWS($D$2:D243),$A$2:$B$250,2,0),"")</f>
        <v/>
      </c>
    </row>
    <row r="244" spans="1:4">
      <c r="A244">
        <f>IF(ISNUMBER(FIND(#REF!,B244:B492)),MAX(A$1:$A243)+1,0)</f>
        <v>0</v>
      </c>
      <c r="B244" t="s">
        <v>245</v>
      </c>
      <c r="D244" t="str">
        <f>IFERROR(VLOOKUP(ROWS($D$2:D244),$A$2:$B$250,2,0),"")</f>
        <v/>
      </c>
    </row>
    <row r="245" spans="1:4">
      <c r="A245">
        <f>IF(ISNUMBER(FIND(#REF!,B245:B493)),MAX(A$1:$A244)+1,0)</f>
        <v>0</v>
      </c>
      <c r="B245" t="s">
        <v>246</v>
      </c>
      <c r="D245" t="str">
        <f>IFERROR(VLOOKUP(ROWS($D$2:D245),$A$2:$B$250,2,0),"")</f>
        <v/>
      </c>
    </row>
    <row r="246" spans="1:4">
      <c r="A246">
        <f>IF(ISNUMBER(FIND(#REF!,B246:B494)),MAX(A$1:$A245)+1,0)</f>
        <v>0</v>
      </c>
      <c r="B246" t="s">
        <v>247</v>
      </c>
      <c r="D246" t="str">
        <f>IFERROR(VLOOKUP(ROWS($D$2:D246),$A$2:$B$250,2,0),"")</f>
        <v/>
      </c>
    </row>
    <row r="247" spans="1:4">
      <c r="A247">
        <f>IF(ISNUMBER(FIND(#REF!,B247:B495)),MAX(A$1:$A246)+1,0)</f>
        <v>0</v>
      </c>
      <c r="B247" t="s">
        <v>248</v>
      </c>
      <c r="D247" t="str">
        <f>IFERROR(VLOOKUP(ROWS($D$2:D247),$A$2:$B$250,2,0),"")</f>
        <v/>
      </c>
    </row>
    <row r="248" spans="1:4">
      <c r="A248">
        <f>IF(ISNUMBER(FIND(#REF!,B248:B496)),MAX(A$1:$A247)+1,0)</f>
        <v>0</v>
      </c>
      <c r="B248" t="s">
        <v>249</v>
      </c>
      <c r="D248" t="str">
        <f>IFERROR(VLOOKUP(ROWS($D$2:D248),$A$2:$B$250,2,0),"")</f>
        <v/>
      </c>
    </row>
    <row r="249" spans="1:4">
      <c r="A249">
        <f>IF(ISNUMBER(FIND(#REF!,B249:B497)),MAX(A$1:$A248)+1,0)</f>
        <v>0</v>
      </c>
      <c r="B249" t="s">
        <v>250</v>
      </c>
      <c r="D249" t="str">
        <f>IFERROR(VLOOKUP(ROWS($D$2:D249),$A$2:$B$250,2,0),"")</f>
        <v/>
      </c>
    </row>
    <row r="250" spans="1:4">
      <c r="A250">
        <f>IF(ISNUMBER(FIND(#REF!,B250:B498)),MAX(A$1:$A249)+1,0)</f>
        <v>0</v>
      </c>
      <c r="B250" t="s">
        <v>251</v>
      </c>
      <c r="D250" t="str">
        <f>IFERROR(VLOOKUP(ROWS($D$2:D250),$A$2:$B$250,2,0),"")</f>
        <v/>
      </c>
    </row>
  </sheetData>
  <sheetProtection algorithmName="SHA-512" hashValue="Pf2IowinlZYhiJanPoA8oE5vmd5Ev7NCC7AU4zC8IttBg/852OFzpyf0ct1K+RedogZ8ogBLHjNLSMgeuudIYg==" saltValue="Fb69RWF16EugmO9e4MzFWg=="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151BBDB3-0807-45D1-9365-5F1B64C5E8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7CD04C80-5507-48EC-B2FD-3F900E884117}">
  <ds:schemaRefs>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91a4a8a3-c6e3-43b0-bba7-c5604d175d63"/>
    <ds:schemaRef ds:uri="http://www.w3.org/XML/1998/namespace"/>
    <ds:schemaRef ds:uri="http://purl.org/dc/dcmitype/"/>
  </ds:schemaRefs>
</ds:datastoreItem>
</file>

<file path=customXml/itemProps3.xml><?xml version="1.0" encoding="utf-8"?>
<ds:datastoreItem xmlns:ds="http://schemas.openxmlformats.org/officeDocument/2006/customXml" ds:itemID="{E8092FF4-76E5-4424-A7A7-B71C0017CF1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PA</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6T16:17:3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